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tiff" ContentType="image/tiff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6"/>
  </p:notesMasterIdLst>
  <p:handoutMasterIdLst>
    <p:handoutMasterId r:id="rId27"/>
  </p:handoutMasterIdLst>
  <p:sldIdLst>
    <p:sldId id="256" r:id="rId10"/>
    <p:sldId id="260" r:id="rId11"/>
    <p:sldId id="332" r:id="rId12"/>
    <p:sldId id="333" r:id="rId13"/>
    <p:sldId id="278" r:id="rId14"/>
    <p:sldId id="336" r:id="rId15"/>
    <p:sldId id="340" r:id="rId16"/>
    <p:sldId id="337" r:id="rId17"/>
    <p:sldId id="338" r:id="rId18"/>
    <p:sldId id="322" r:id="rId19"/>
    <p:sldId id="334" r:id="rId20"/>
    <p:sldId id="324" r:id="rId21"/>
    <p:sldId id="335" r:id="rId22"/>
    <p:sldId id="323" r:id="rId23"/>
    <p:sldId id="341" r:id="rId24"/>
    <p:sldId id="339" r:id="rId25"/>
  </p:sldIdLst>
  <p:sldSz cx="12190413" cy="6858000"/>
  <p:notesSz cx="6858000" cy="9144000"/>
  <p:custDataLst>
    <p:tags r:id="rId2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865D1F9-C0D4-43C5-8071-646FB8D63EC0}" v="98" dt="2023-07-20T11:23:48.28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7" d="100"/>
          <a:sy n="67" d="100"/>
        </p:scale>
        <p:origin x="604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tags" Target="tags/tag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7865D1F9-C0D4-43C5-8071-646FB8D63EC0}"/>
    <pc:docChg chg="undo custSel addSld delSld modSld sldOrd">
      <pc:chgData name="Mikael Lenz Strube" userId="5190ea63-534e-4b85-8189-cf0a88e74104" providerId="ADAL" clId="{7865D1F9-C0D4-43C5-8071-646FB8D63EC0}" dt="2023-07-21T13:21:17.576" v="2011" actId="20577"/>
      <pc:docMkLst>
        <pc:docMk/>
      </pc:docMkLst>
      <pc:sldChg chg="modSp mod">
        <pc:chgData name="Mikael Lenz Strube" userId="5190ea63-534e-4b85-8189-cf0a88e74104" providerId="ADAL" clId="{7865D1F9-C0D4-43C5-8071-646FB8D63EC0}" dt="2023-07-21T13:21:17.576" v="2011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7865D1F9-C0D4-43C5-8071-646FB8D63EC0}" dt="2023-07-21T13:21:17.576" v="2011" actId="20577"/>
          <ac:spMkLst>
            <pc:docMk/>
            <pc:sldMk cId="2320714135" sldId="260"/>
            <ac:spMk id="5" creationId="{88CE6942-A17C-4247-86C6-41FACF7E90AC}"/>
          </ac:spMkLst>
        </pc:spChg>
      </pc:sldChg>
      <pc:sldChg chg="addSp delSp add">
        <pc:chgData name="Mikael Lenz Strube" userId="5190ea63-534e-4b85-8189-cf0a88e74104" providerId="ADAL" clId="{7865D1F9-C0D4-43C5-8071-646FB8D63EC0}" dt="2023-07-17T16:27:36.807" v="39"/>
        <pc:sldMkLst>
          <pc:docMk/>
          <pc:sldMk cId="1342152634" sldId="278"/>
        </pc:sldMkLst>
        <pc:picChg chg="add del">
          <ac:chgData name="Mikael Lenz Strube" userId="5190ea63-534e-4b85-8189-cf0a88e74104" providerId="ADAL" clId="{7865D1F9-C0D4-43C5-8071-646FB8D63EC0}" dt="2023-07-17T16:27:36.807" v="39"/>
          <ac:picMkLst>
            <pc:docMk/>
            <pc:sldMk cId="1342152634" sldId="278"/>
            <ac:picMk id="2050" creationId="{232605E5-FD9A-8FEE-D8FF-6B733C4AD487}"/>
          </ac:picMkLst>
        </pc:picChg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2418776038" sldId="298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167425125" sldId="299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461664403" sldId="300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713121057" sldId="301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361878226" sldId="303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855992881" sldId="305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333895589" sldId="306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3997346488" sldId="307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2509675635" sldId="309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968587790" sldId="310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852675075" sldId="312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661701227" sldId="313"/>
        </pc:sldMkLst>
      </pc:sldChg>
      <pc:sldChg chg="add del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348185542" sldId="322"/>
        </pc:sldMkLst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3501138055" sldId="322"/>
        </pc:sldMkLst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1470415571" sldId="323"/>
        </pc:sldMkLst>
      </pc:sldChg>
      <pc:sldChg chg="add del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1779657066" sldId="323"/>
        </pc:sldMkLst>
      </pc:sldChg>
      <pc:sldChg chg="add del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742227122" sldId="324"/>
        </pc:sldMkLst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3043535033" sldId="324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2880652464" sldId="329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3850788982" sldId="330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2804171123" sldId="331"/>
        </pc:sldMkLst>
      </pc:sldChg>
      <pc:sldChg chg="addSp delSp modSp new mod">
        <pc:chgData name="Mikael Lenz Strube" userId="5190ea63-534e-4b85-8189-cf0a88e74104" providerId="ADAL" clId="{7865D1F9-C0D4-43C5-8071-646FB8D63EC0}" dt="2023-07-17T16:25:54.340" v="9" actId="1076"/>
        <pc:sldMkLst>
          <pc:docMk/>
          <pc:sldMk cId="2610442813" sldId="333"/>
        </pc:sldMkLst>
        <pc:spChg chg="del">
          <ac:chgData name="Mikael Lenz Strube" userId="5190ea63-534e-4b85-8189-cf0a88e74104" providerId="ADAL" clId="{7865D1F9-C0D4-43C5-8071-646FB8D63EC0}" dt="2023-07-11T00:48:27.504" v="2" actId="22"/>
          <ac:spMkLst>
            <pc:docMk/>
            <pc:sldMk cId="2610442813" sldId="333"/>
            <ac:spMk id="3" creationId="{11639034-0232-C1AD-A7B7-434A55BF510B}"/>
          </ac:spMkLst>
        </pc:spChg>
        <pc:picChg chg="add mod ord">
          <ac:chgData name="Mikael Lenz Strube" userId="5190ea63-534e-4b85-8189-cf0a88e74104" providerId="ADAL" clId="{7865D1F9-C0D4-43C5-8071-646FB8D63EC0}" dt="2023-07-11T00:48:27.504" v="2" actId="22"/>
          <ac:picMkLst>
            <pc:docMk/>
            <pc:sldMk cId="2610442813" sldId="333"/>
            <ac:picMk id="6" creationId="{A7A81157-508F-7BE4-428F-56B90336F111}"/>
          </ac:picMkLst>
        </pc:picChg>
        <pc:picChg chg="add mod">
          <ac:chgData name="Mikael Lenz Strube" userId="5190ea63-534e-4b85-8189-cf0a88e74104" providerId="ADAL" clId="{7865D1F9-C0D4-43C5-8071-646FB8D63EC0}" dt="2023-07-17T16:25:54.340" v="9" actId="1076"/>
          <ac:picMkLst>
            <pc:docMk/>
            <pc:sldMk cId="2610442813" sldId="333"/>
            <ac:picMk id="1026" creationId="{4F2E63AD-BD50-FAA9-991E-1455FCF90B30}"/>
          </ac:picMkLst>
        </pc:picChg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1026336136" sldId="334"/>
        </pc:sldMkLst>
      </pc:sldChg>
      <pc:sldChg chg="addSp delSp modSp new del">
        <pc:chgData name="Mikael Lenz Strube" userId="5190ea63-534e-4b85-8189-cf0a88e74104" providerId="ADAL" clId="{7865D1F9-C0D4-43C5-8071-646FB8D63EC0}" dt="2023-07-11T00:50:34.574" v="6" actId="47"/>
        <pc:sldMkLst>
          <pc:docMk/>
          <pc:sldMk cId="1412377494" sldId="334"/>
        </pc:sldMkLst>
        <pc:spChg chg="del">
          <ac:chgData name="Mikael Lenz Strube" userId="5190ea63-534e-4b85-8189-cf0a88e74104" providerId="ADAL" clId="{7865D1F9-C0D4-43C5-8071-646FB8D63EC0}" dt="2023-07-11T00:50:12.831" v="4"/>
          <ac:spMkLst>
            <pc:docMk/>
            <pc:sldMk cId="1412377494" sldId="334"/>
            <ac:spMk id="3" creationId="{A4E5AF6B-935C-2AE4-0273-8FE9F6305272}"/>
          </ac:spMkLst>
        </pc:spChg>
        <pc:picChg chg="add mod">
          <ac:chgData name="Mikael Lenz Strube" userId="5190ea63-534e-4b85-8189-cf0a88e74104" providerId="ADAL" clId="{7865D1F9-C0D4-43C5-8071-646FB8D63EC0}" dt="2023-07-11T00:50:12.831" v="4"/>
          <ac:picMkLst>
            <pc:docMk/>
            <pc:sldMk cId="1412377494" sldId="334"/>
            <ac:picMk id="5" creationId="{9D0B48C2-4250-304A-09FE-15AB2681C552}"/>
          </ac:picMkLst>
        </pc:picChg>
      </pc:sldChg>
      <pc:sldChg chg="add del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3603169113" sldId="334"/>
        </pc:sldMkLst>
      </pc:sldChg>
      <pc:sldChg chg="modSp new del mod">
        <pc:chgData name="Mikael Lenz Strube" userId="5190ea63-534e-4b85-8189-cf0a88e74104" providerId="ADAL" clId="{7865D1F9-C0D4-43C5-8071-646FB8D63EC0}" dt="2023-07-17T16:28:01.512" v="43" actId="47"/>
        <pc:sldMkLst>
          <pc:docMk/>
          <pc:sldMk cId="4286052260" sldId="334"/>
        </pc:sldMkLst>
        <pc:spChg chg="mod">
          <ac:chgData name="Mikael Lenz Strube" userId="5190ea63-534e-4b85-8189-cf0a88e74104" providerId="ADAL" clId="{7865D1F9-C0D4-43C5-8071-646FB8D63EC0}" dt="2023-07-17T16:27:28.928" v="37" actId="20577"/>
          <ac:spMkLst>
            <pc:docMk/>
            <pc:sldMk cId="4286052260" sldId="334"/>
            <ac:spMk id="2" creationId="{1613D2E9-1535-300F-E4ED-694DFF7A6564}"/>
          </ac:spMkLst>
        </pc:spChg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1308196991" sldId="335"/>
        </pc:sldMkLst>
      </pc:sldChg>
      <pc:sldChg chg="new del">
        <pc:chgData name="Mikael Lenz Strube" userId="5190ea63-534e-4b85-8189-cf0a88e74104" providerId="ADAL" clId="{7865D1F9-C0D4-43C5-8071-646FB8D63EC0}" dt="2023-07-17T16:27:59.984" v="42" actId="47"/>
        <pc:sldMkLst>
          <pc:docMk/>
          <pc:sldMk cId="1409951574" sldId="335"/>
        </pc:sldMkLst>
      </pc:sldChg>
      <pc:sldChg chg="modSp add del mod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2830472163" sldId="335"/>
        </pc:sldMkLst>
        <pc:spChg chg="mod">
          <ac:chgData name="Mikael Lenz Strube" userId="5190ea63-534e-4b85-8189-cf0a88e74104" providerId="ADAL" clId="{7865D1F9-C0D4-43C5-8071-646FB8D63EC0}" dt="2023-07-20T07:21:03.008" v="556" actId="20577"/>
          <ac:spMkLst>
            <pc:docMk/>
            <pc:sldMk cId="2830472163" sldId="335"/>
            <ac:spMk id="20" creationId="{00000000-0000-0000-0000-000000000000}"/>
          </ac:spMkLst>
        </pc:spChg>
      </pc:sldChg>
      <pc:sldChg chg="modSp new mod ord">
        <pc:chgData name="Mikael Lenz Strube" userId="5190ea63-534e-4b85-8189-cf0a88e74104" providerId="ADAL" clId="{7865D1F9-C0D4-43C5-8071-646FB8D63EC0}" dt="2023-07-17T16:36:40.629" v="332" actId="20577"/>
        <pc:sldMkLst>
          <pc:docMk/>
          <pc:sldMk cId="3148559525" sldId="336"/>
        </pc:sldMkLst>
        <pc:spChg chg="mod">
          <ac:chgData name="Mikael Lenz Strube" userId="5190ea63-534e-4b85-8189-cf0a88e74104" providerId="ADAL" clId="{7865D1F9-C0D4-43C5-8071-646FB8D63EC0}" dt="2023-07-17T16:28:35.556" v="65" actId="20577"/>
          <ac:spMkLst>
            <pc:docMk/>
            <pc:sldMk cId="3148559525" sldId="336"/>
            <ac:spMk id="2" creationId="{3C0CD720-9CCC-F51A-AFAB-EE14E91908FD}"/>
          </ac:spMkLst>
        </pc:spChg>
        <pc:spChg chg="mod">
          <ac:chgData name="Mikael Lenz Strube" userId="5190ea63-534e-4b85-8189-cf0a88e74104" providerId="ADAL" clId="{7865D1F9-C0D4-43C5-8071-646FB8D63EC0}" dt="2023-07-17T16:36:40.629" v="332" actId="20577"/>
          <ac:spMkLst>
            <pc:docMk/>
            <pc:sldMk cId="3148559525" sldId="336"/>
            <ac:spMk id="3" creationId="{E7FC0398-8FBB-AC59-3984-83B30818C5F9}"/>
          </ac:spMkLst>
        </pc:spChg>
      </pc:sldChg>
      <pc:sldChg chg="modSp new mod">
        <pc:chgData name="Mikael Lenz Strube" userId="5190ea63-534e-4b85-8189-cf0a88e74104" providerId="ADAL" clId="{7865D1F9-C0D4-43C5-8071-646FB8D63EC0}" dt="2023-07-20T07:27:04.094" v="897" actId="20577"/>
        <pc:sldMkLst>
          <pc:docMk/>
          <pc:sldMk cId="1689975022" sldId="337"/>
        </pc:sldMkLst>
        <pc:spChg chg="mod">
          <ac:chgData name="Mikael Lenz Strube" userId="5190ea63-534e-4b85-8189-cf0a88e74104" providerId="ADAL" clId="{7865D1F9-C0D4-43C5-8071-646FB8D63EC0}" dt="2023-07-18T21:04:02.226" v="361" actId="20577"/>
          <ac:spMkLst>
            <pc:docMk/>
            <pc:sldMk cId="1689975022" sldId="337"/>
            <ac:spMk id="2" creationId="{D4829AFC-E2BA-4323-4E30-61E8FAF83E0D}"/>
          </ac:spMkLst>
        </pc:spChg>
        <pc:spChg chg="mod">
          <ac:chgData name="Mikael Lenz Strube" userId="5190ea63-534e-4b85-8189-cf0a88e74104" providerId="ADAL" clId="{7865D1F9-C0D4-43C5-8071-646FB8D63EC0}" dt="2023-07-20T07:27:04.094" v="897" actId="20577"/>
          <ac:spMkLst>
            <pc:docMk/>
            <pc:sldMk cId="1689975022" sldId="337"/>
            <ac:spMk id="3" creationId="{1FBEF910-D2CB-B0F8-B275-05A9131CF8EF}"/>
          </ac:spMkLst>
        </pc:spChg>
      </pc:sldChg>
      <pc:sldChg chg="modSp new mod">
        <pc:chgData name="Mikael Lenz Strube" userId="5190ea63-534e-4b85-8189-cf0a88e74104" providerId="ADAL" clId="{7865D1F9-C0D4-43C5-8071-646FB8D63EC0}" dt="2023-07-20T11:10:04.369" v="1199" actId="20577"/>
        <pc:sldMkLst>
          <pc:docMk/>
          <pc:sldMk cId="89047737" sldId="338"/>
        </pc:sldMkLst>
        <pc:spChg chg="mod">
          <ac:chgData name="Mikael Lenz Strube" userId="5190ea63-534e-4b85-8189-cf0a88e74104" providerId="ADAL" clId="{7865D1F9-C0D4-43C5-8071-646FB8D63EC0}" dt="2023-07-18T21:04:11.947" v="378" actId="20577"/>
          <ac:spMkLst>
            <pc:docMk/>
            <pc:sldMk cId="89047737" sldId="338"/>
            <ac:spMk id="2" creationId="{1921D94A-D89A-F9E6-3234-8C25DFEFD344}"/>
          </ac:spMkLst>
        </pc:spChg>
        <pc:spChg chg="mod">
          <ac:chgData name="Mikael Lenz Strube" userId="5190ea63-534e-4b85-8189-cf0a88e74104" providerId="ADAL" clId="{7865D1F9-C0D4-43C5-8071-646FB8D63EC0}" dt="2023-07-20T11:10:04.369" v="1199" actId="20577"/>
          <ac:spMkLst>
            <pc:docMk/>
            <pc:sldMk cId="89047737" sldId="338"/>
            <ac:spMk id="3" creationId="{6EC5498C-A6A5-0C2B-1A35-60790B84613C}"/>
          </ac:spMkLst>
        </pc:spChg>
      </pc:sldChg>
      <pc:sldChg chg="modSp new mod">
        <pc:chgData name="Mikael Lenz Strube" userId="5190ea63-534e-4b85-8189-cf0a88e74104" providerId="ADAL" clId="{7865D1F9-C0D4-43C5-8071-646FB8D63EC0}" dt="2023-07-20T11:29:33.331" v="1980" actId="20577"/>
        <pc:sldMkLst>
          <pc:docMk/>
          <pc:sldMk cId="1849373596" sldId="339"/>
        </pc:sldMkLst>
        <pc:spChg chg="mod">
          <ac:chgData name="Mikael Lenz Strube" userId="5190ea63-534e-4b85-8189-cf0a88e74104" providerId="ADAL" clId="{7865D1F9-C0D4-43C5-8071-646FB8D63EC0}" dt="2023-07-18T21:04:24.210" v="401" actId="20577"/>
          <ac:spMkLst>
            <pc:docMk/>
            <pc:sldMk cId="1849373596" sldId="339"/>
            <ac:spMk id="2" creationId="{A62C13AD-CD8C-2F3F-6BDC-37EEC00C37F1}"/>
          </ac:spMkLst>
        </pc:spChg>
        <pc:spChg chg="mod">
          <ac:chgData name="Mikael Lenz Strube" userId="5190ea63-534e-4b85-8189-cf0a88e74104" providerId="ADAL" clId="{7865D1F9-C0D4-43C5-8071-646FB8D63EC0}" dt="2023-07-20T11:29:33.331" v="1980" actId="20577"/>
          <ac:spMkLst>
            <pc:docMk/>
            <pc:sldMk cId="1849373596" sldId="339"/>
            <ac:spMk id="3" creationId="{80E67FE3-DEF7-17FC-9DA8-32E59D4B3CB1}"/>
          </ac:spMkLst>
        </pc:spChg>
      </pc:sldChg>
      <pc:sldChg chg="addSp delSp modSp new mod ord modAnim">
        <pc:chgData name="Mikael Lenz Strube" userId="5190ea63-534e-4b85-8189-cf0a88e74104" providerId="ADAL" clId="{7865D1F9-C0D4-43C5-8071-646FB8D63EC0}" dt="2023-07-20T07:16:28.261" v="552"/>
        <pc:sldMkLst>
          <pc:docMk/>
          <pc:sldMk cId="268730644" sldId="340"/>
        </pc:sldMkLst>
        <pc:spChg chg="mod">
          <ac:chgData name="Mikael Lenz Strube" userId="5190ea63-534e-4b85-8189-cf0a88e74104" providerId="ADAL" clId="{7865D1F9-C0D4-43C5-8071-646FB8D63EC0}" dt="2023-07-20T07:06:14.050" v="415" actId="20577"/>
          <ac:spMkLst>
            <pc:docMk/>
            <pc:sldMk cId="268730644" sldId="340"/>
            <ac:spMk id="2" creationId="{8191A1F9-60C0-2031-E583-5EC2EEB88FC9}"/>
          </ac:spMkLst>
        </pc:spChg>
        <pc:spChg chg="del mod">
          <ac:chgData name="Mikael Lenz Strube" userId="5190ea63-534e-4b85-8189-cf0a88e74104" providerId="ADAL" clId="{7865D1F9-C0D4-43C5-8071-646FB8D63EC0}" dt="2023-07-20T07:06:17.427" v="417" actId="478"/>
          <ac:spMkLst>
            <pc:docMk/>
            <pc:sldMk cId="268730644" sldId="340"/>
            <ac:spMk id="3" creationId="{3D202F12-25D1-99AB-58F1-6BCD686E125D}"/>
          </ac:spMkLst>
        </pc:spChg>
        <pc:spChg chg="add">
          <ac:chgData name="Mikael Lenz Strube" userId="5190ea63-534e-4b85-8189-cf0a88e74104" providerId="ADAL" clId="{7865D1F9-C0D4-43C5-8071-646FB8D63EC0}" dt="2023-07-20T07:06:27.951" v="418" actId="11529"/>
          <ac:spMkLst>
            <pc:docMk/>
            <pc:sldMk cId="268730644" sldId="340"/>
            <ac:spMk id="5" creationId="{8928D579-59EA-5B04-7638-9E44FD9A3CC0}"/>
          </ac:spMkLst>
        </pc:spChg>
        <pc:spChg chg="add mod">
          <ac:chgData name="Mikael Lenz Strube" userId="5190ea63-534e-4b85-8189-cf0a88e74104" providerId="ADAL" clId="{7865D1F9-C0D4-43C5-8071-646FB8D63EC0}" dt="2023-07-20T07:09:21.095" v="460" actId="1036"/>
          <ac:spMkLst>
            <pc:docMk/>
            <pc:sldMk cId="268730644" sldId="340"/>
            <ac:spMk id="6" creationId="{79804247-5916-53B8-D3DF-CD4289D74C2E}"/>
          </ac:spMkLst>
        </pc:spChg>
        <pc:spChg chg="add mod">
          <ac:chgData name="Mikael Lenz Strube" userId="5190ea63-534e-4b85-8189-cf0a88e74104" providerId="ADAL" clId="{7865D1F9-C0D4-43C5-8071-646FB8D63EC0}" dt="2023-07-20T07:09:25.560" v="464" actId="1036"/>
          <ac:spMkLst>
            <pc:docMk/>
            <pc:sldMk cId="268730644" sldId="340"/>
            <ac:spMk id="7" creationId="{ED649ABC-C6C8-B721-FFE1-FD0490A0C748}"/>
          </ac:spMkLst>
        </pc:spChg>
        <pc:spChg chg="add mod">
          <ac:chgData name="Mikael Lenz Strube" userId="5190ea63-534e-4b85-8189-cf0a88e74104" providerId="ADAL" clId="{7865D1F9-C0D4-43C5-8071-646FB8D63EC0}" dt="2023-07-20T07:15:36.836" v="547" actId="1076"/>
          <ac:spMkLst>
            <pc:docMk/>
            <pc:sldMk cId="268730644" sldId="340"/>
            <ac:spMk id="8" creationId="{069FB0FD-EB5F-3301-7261-A6402BECC098}"/>
          </ac:spMkLst>
        </pc:spChg>
        <pc:spChg chg="add mod">
          <ac:chgData name="Mikael Lenz Strube" userId="5190ea63-534e-4b85-8189-cf0a88e74104" providerId="ADAL" clId="{7865D1F9-C0D4-43C5-8071-646FB8D63EC0}" dt="2023-07-20T07:15:32.260" v="546" actId="20577"/>
          <ac:spMkLst>
            <pc:docMk/>
            <pc:sldMk cId="268730644" sldId="340"/>
            <ac:spMk id="9" creationId="{ACC5ABE8-65D3-C511-0751-E91855BD589E}"/>
          </ac:spMkLst>
        </pc:spChg>
        <pc:spChg chg="add mod">
          <ac:chgData name="Mikael Lenz Strube" userId="5190ea63-534e-4b85-8189-cf0a88e74104" providerId="ADAL" clId="{7865D1F9-C0D4-43C5-8071-646FB8D63EC0}" dt="2023-07-20T07:12:11.197" v="526" actId="1076"/>
          <ac:spMkLst>
            <pc:docMk/>
            <pc:sldMk cId="268730644" sldId="340"/>
            <ac:spMk id="10" creationId="{67BA58FC-97E6-0F8C-89D4-20D595B53521}"/>
          </ac:spMkLst>
        </pc:spChg>
        <pc:spChg chg="add mod">
          <ac:chgData name="Mikael Lenz Strube" userId="5190ea63-534e-4b85-8189-cf0a88e74104" providerId="ADAL" clId="{7865D1F9-C0D4-43C5-8071-646FB8D63EC0}" dt="2023-07-20T07:09:31.118" v="465" actId="14100"/>
          <ac:spMkLst>
            <pc:docMk/>
            <pc:sldMk cId="268730644" sldId="340"/>
            <ac:spMk id="11" creationId="{A5E6F92A-54C6-711B-F511-D21FC2628E35}"/>
          </ac:spMkLst>
        </pc:spChg>
        <pc:spChg chg="add del mod">
          <ac:chgData name="Mikael Lenz Strube" userId="5190ea63-534e-4b85-8189-cf0a88e74104" providerId="ADAL" clId="{7865D1F9-C0D4-43C5-8071-646FB8D63EC0}" dt="2023-07-20T07:09:40.321" v="470" actId="478"/>
          <ac:spMkLst>
            <pc:docMk/>
            <pc:sldMk cId="268730644" sldId="340"/>
            <ac:spMk id="12" creationId="{4D11E4A5-8781-F866-0F50-6DB29603B479}"/>
          </ac:spMkLst>
        </pc:spChg>
        <pc:spChg chg="add mod">
          <ac:chgData name="Mikael Lenz Strube" userId="5190ea63-534e-4b85-8189-cf0a88e74104" providerId="ADAL" clId="{7865D1F9-C0D4-43C5-8071-646FB8D63EC0}" dt="2023-07-20T07:12:50.966" v="532" actId="1076"/>
          <ac:spMkLst>
            <pc:docMk/>
            <pc:sldMk cId="268730644" sldId="340"/>
            <ac:spMk id="13" creationId="{AAA56995-FD5F-677B-159C-532899AB9A5F}"/>
          </ac:spMkLst>
        </pc:spChg>
        <pc:spChg chg="add mod">
          <ac:chgData name="Mikael Lenz Strube" userId="5190ea63-534e-4b85-8189-cf0a88e74104" providerId="ADAL" clId="{7865D1F9-C0D4-43C5-8071-646FB8D63EC0}" dt="2023-07-20T07:10:57.490" v="488" actId="14100"/>
          <ac:spMkLst>
            <pc:docMk/>
            <pc:sldMk cId="268730644" sldId="340"/>
            <ac:spMk id="14" creationId="{888B0B4D-2713-D700-3B6F-5EDF32C2AFE2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36" creationId="{E6758AA1-4DD3-BD17-FA3D-83B27949A329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37" creationId="{C6C60724-1079-2BF9-B9B4-6A5A83D042F0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38" creationId="{07F0B2B8-D695-1AE4-FA1C-951C7279677C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39" creationId="{4D0D8587-89E7-5A44-6884-F814CA300AA6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40" creationId="{5E0CE0AD-3AD8-1C04-4EE1-D4E683D876A7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41" creationId="{06E984F9-0AD7-E6CE-CEBA-1FCB692FA281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42" creationId="{7690749F-D982-EE15-9B79-71BA7BEE2A49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43" creationId="{79CD036D-8F66-9A5F-666E-7AFC852E3DD1}"/>
          </ac:spMkLst>
        </pc:spChg>
        <pc:spChg chg="add mod">
          <ac:chgData name="Mikael Lenz Strube" userId="5190ea63-534e-4b85-8189-cf0a88e74104" providerId="ADAL" clId="{7865D1F9-C0D4-43C5-8071-646FB8D63EC0}" dt="2023-07-20T07:12:51.256" v="533"/>
          <ac:spMkLst>
            <pc:docMk/>
            <pc:sldMk cId="268730644" sldId="340"/>
            <ac:spMk id="49" creationId="{6CC94CD7-856E-CA32-4E96-022D96BC3CA4}"/>
          </ac:spMkLst>
        </pc:spChg>
        <pc:spChg chg="add mod">
          <ac:chgData name="Mikael Lenz Strube" userId="5190ea63-534e-4b85-8189-cf0a88e74104" providerId="ADAL" clId="{7865D1F9-C0D4-43C5-8071-646FB8D63EC0}" dt="2023-07-20T07:14:48.301" v="541" actId="1076"/>
          <ac:spMkLst>
            <pc:docMk/>
            <pc:sldMk cId="268730644" sldId="340"/>
            <ac:spMk id="50" creationId="{B02571AE-D3AC-D6F3-102C-A0B2BCA79920}"/>
          </ac:spMkLst>
        </pc:spChg>
        <pc:cxnChg chg="add">
          <ac:chgData name="Mikael Lenz Strube" userId="5190ea63-534e-4b85-8189-cf0a88e74104" providerId="ADAL" clId="{7865D1F9-C0D4-43C5-8071-646FB8D63EC0}" dt="2023-07-20T07:11:19.774" v="489" actId="11529"/>
          <ac:cxnSpMkLst>
            <pc:docMk/>
            <pc:sldMk cId="268730644" sldId="340"/>
            <ac:cxnSpMk id="16" creationId="{E35E1806-0092-8230-0CA0-AE77FCA3F918}"/>
          </ac:cxnSpMkLst>
        </pc:cxnChg>
        <pc:cxnChg chg="add mod">
          <ac:chgData name="Mikael Lenz Strube" userId="5190ea63-534e-4b85-8189-cf0a88e74104" providerId="ADAL" clId="{7865D1F9-C0D4-43C5-8071-646FB8D63EC0}" dt="2023-07-20T07:11:36.298" v="497" actId="14100"/>
          <ac:cxnSpMkLst>
            <pc:docMk/>
            <pc:sldMk cId="268730644" sldId="340"/>
            <ac:cxnSpMk id="17" creationId="{BDF0E23E-2ED6-1B5A-3FED-C63EABAB6323}"/>
          </ac:cxnSpMkLst>
        </pc:cxnChg>
        <pc:cxnChg chg="add mod">
          <ac:chgData name="Mikael Lenz Strube" userId="5190ea63-534e-4b85-8189-cf0a88e74104" providerId="ADAL" clId="{7865D1F9-C0D4-43C5-8071-646FB8D63EC0}" dt="2023-07-20T07:12:14.117" v="527" actId="14100"/>
          <ac:cxnSpMkLst>
            <pc:docMk/>
            <pc:sldMk cId="268730644" sldId="340"/>
            <ac:cxnSpMk id="18" creationId="{4D1DEC94-DF8B-AF9A-4216-F88825F4F1A2}"/>
          </ac:cxnSpMkLst>
        </pc:cxnChg>
        <pc:cxnChg chg="add mod">
          <ac:chgData name="Mikael Lenz Strube" userId="5190ea63-534e-4b85-8189-cf0a88e74104" providerId="ADAL" clId="{7865D1F9-C0D4-43C5-8071-646FB8D63EC0}" dt="2023-07-20T07:11:46.904" v="501" actId="14100"/>
          <ac:cxnSpMkLst>
            <pc:docMk/>
            <pc:sldMk cId="268730644" sldId="340"/>
            <ac:cxnSpMk id="24" creationId="{D54B4C66-F28D-5AE5-2ECB-D06FFFD4750D}"/>
          </ac:cxnSpMkLst>
        </pc:cxnChg>
        <pc:cxnChg chg="add mod">
          <ac:chgData name="Mikael Lenz Strube" userId="5190ea63-534e-4b85-8189-cf0a88e74104" providerId="ADAL" clId="{7865D1F9-C0D4-43C5-8071-646FB8D63EC0}" dt="2023-07-20T07:12:20.323" v="529" actId="14100"/>
          <ac:cxnSpMkLst>
            <pc:docMk/>
            <pc:sldMk cId="268730644" sldId="340"/>
            <ac:cxnSpMk id="28" creationId="{ECD4DA00-8864-2DA3-C0C9-61FBA575E7B9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4" creationId="{A2153754-F62F-EC73-BE55-7A8E8177E88D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5" creationId="{533503B8-E270-C572-E09E-ABAAF250F714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6" creationId="{93828B61-376F-0F60-8E27-08B9E29743BE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7" creationId="{2A4B54A0-AF9E-B3AA-BC1A-A13DA9608176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8" creationId="{AF78A4FF-A28A-EF8C-C9D7-518EAC32D515}"/>
          </ac:cxnSpMkLst>
        </pc:cxnChg>
        <pc:cxnChg chg="add mod">
          <ac:chgData name="Mikael Lenz Strube" userId="5190ea63-534e-4b85-8189-cf0a88e74104" providerId="ADAL" clId="{7865D1F9-C0D4-43C5-8071-646FB8D63EC0}" dt="2023-07-20T07:15:01.488" v="543" actId="14100"/>
          <ac:cxnSpMkLst>
            <pc:docMk/>
            <pc:sldMk cId="268730644" sldId="340"/>
            <ac:cxnSpMk id="52" creationId="{7AB6CEA8-1CA7-DB52-31AD-F596E1D87E67}"/>
          </ac:cxnSpMkLst>
        </pc:cxnChg>
      </pc:sldChg>
      <pc:sldChg chg="addSp delSp modSp new mod">
        <pc:chgData name="Mikael Lenz Strube" userId="5190ea63-534e-4b85-8189-cf0a88e74104" providerId="ADAL" clId="{7865D1F9-C0D4-43C5-8071-646FB8D63EC0}" dt="2023-07-20T11:23:48.284" v="1482" actId="1035"/>
        <pc:sldMkLst>
          <pc:docMk/>
          <pc:sldMk cId="1693287398" sldId="341"/>
        </pc:sldMkLst>
        <pc:spChg chg="mod">
          <ac:chgData name="Mikael Lenz Strube" userId="5190ea63-534e-4b85-8189-cf0a88e74104" providerId="ADAL" clId="{7865D1F9-C0D4-43C5-8071-646FB8D63EC0}" dt="2023-07-20T11:18:44.276" v="1216" actId="20577"/>
          <ac:spMkLst>
            <pc:docMk/>
            <pc:sldMk cId="1693287398" sldId="341"/>
            <ac:spMk id="2" creationId="{CDA71F6C-8D5F-C56F-88D2-BBF42B541EAD}"/>
          </ac:spMkLst>
        </pc:spChg>
        <pc:spChg chg="mod">
          <ac:chgData name="Mikael Lenz Strube" userId="5190ea63-534e-4b85-8189-cf0a88e74104" providerId="ADAL" clId="{7865D1F9-C0D4-43C5-8071-646FB8D63EC0}" dt="2023-07-20T11:23:40.969" v="1470" actId="5793"/>
          <ac:spMkLst>
            <pc:docMk/>
            <pc:sldMk cId="1693287398" sldId="341"/>
            <ac:spMk id="3" creationId="{4051DCF6-5FB3-EAC7-2E35-E36926E72199}"/>
          </ac:spMkLst>
        </pc:spChg>
        <pc:picChg chg="add del">
          <ac:chgData name="Mikael Lenz Strube" userId="5190ea63-534e-4b85-8189-cf0a88e74104" providerId="ADAL" clId="{7865D1F9-C0D4-43C5-8071-646FB8D63EC0}" dt="2023-07-20T11:23:26.918" v="1465"/>
          <ac:picMkLst>
            <pc:docMk/>
            <pc:sldMk cId="1693287398" sldId="341"/>
            <ac:picMk id="1026" creationId="{392865E5-04FA-876F-DB43-17D393EA73EC}"/>
          </ac:picMkLst>
        </pc:picChg>
        <pc:picChg chg="add mod">
          <ac:chgData name="Mikael Lenz Strube" userId="5190ea63-534e-4b85-8189-cf0a88e74104" providerId="ADAL" clId="{7865D1F9-C0D4-43C5-8071-646FB8D63EC0}" dt="2023-07-20T11:23:48.284" v="1482" actId="1035"/>
          <ac:picMkLst>
            <pc:docMk/>
            <pc:sldMk cId="1693287398" sldId="341"/>
            <ac:picMk id="1028" creationId="{DA439863-311D-1251-9E57-520A21F51CAA}"/>
          </ac:picMkLst>
        </pc:picChg>
      </pc:sldChg>
      <pc:sldMasterChg chg="delSldLayout">
        <pc:chgData name="Mikael Lenz Strube" userId="5190ea63-534e-4b85-8189-cf0a88e74104" providerId="ADAL" clId="{7865D1F9-C0D4-43C5-8071-646FB8D63EC0}" dt="2023-07-11T00:48:21.278" v="0" actId="47"/>
        <pc:sldMasterMkLst>
          <pc:docMk/>
          <pc:sldMasterMk cId="2454702602" sldId="2147483662"/>
        </pc:sldMasterMkLst>
        <pc:sldLayoutChg chg="del">
          <pc:chgData name="Mikael Lenz Strube" userId="5190ea63-534e-4b85-8189-cf0a88e74104" providerId="ADAL" clId="{7865D1F9-C0D4-43C5-8071-646FB8D63EC0}" dt="2023-07-11T00:48:21.278" v="0" actId="47"/>
          <pc:sldLayoutMkLst>
            <pc:docMk/>
            <pc:sldMasterMk cId="2454702602" sldId="2147483662"/>
            <pc:sldLayoutMk cId="1461438542" sldId="2147483678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AU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1594381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jpeg"/><Relationship Id="rId7" Type="http://schemas.openxmlformats.org/officeDocument/2006/relationships/image" Target="../media/image7.tif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jpeg"/><Relationship Id="rId9" Type="http://schemas.microsoft.com/office/2007/relationships/hdphoto" Target="../media/hdphoto1.wdp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ample distanc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3018744"/>
          </a:xfrm>
        </p:spPr>
        <p:txBody>
          <a:bodyPr/>
          <a:lstStyle/>
          <a:p>
            <a:r>
              <a:rPr lang="da-DK" dirty="0"/>
              <a:t>Sampl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mpared</a:t>
            </a:r>
            <a:r>
              <a:rPr lang="da-DK" dirty="0"/>
              <a:t> by </a:t>
            </a:r>
            <a:r>
              <a:rPr lang="da-DK" dirty="0" err="1"/>
              <a:t>their</a:t>
            </a:r>
            <a:r>
              <a:rPr lang="da-DK" dirty="0"/>
              <a:t> distance to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r>
              <a:rPr lang="da-DK" dirty="0"/>
              <a:t>Distanc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</a:t>
            </a:r>
            <a:r>
              <a:rPr lang="da-DK" dirty="0" err="1"/>
              <a:t>simply</a:t>
            </a:r>
            <a:r>
              <a:rPr lang="da-DK" dirty="0"/>
              <a:t> as the </a:t>
            </a:r>
            <a:r>
              <a:rPr lang="da-DK" dirty="0" err="1"/>
              <a:t>eucledian</a:t>
            </a:r>
            <a:r>
              <a:rPr lang="da-DK" dirty="0"/>
              <a:t> distance </a:t>
            </a:r>
            <a:r>
              <a:rPr lang="da-DK" dirty="0" err="1"/>
              <a:t>between</a:t>
            </a:r>
            <a:r>
              <a:rPr lang="da-DK" dirty="0"/>
              <a:t> points</a:t>
            </a:r>
          </a:p>
          <a:p>
            <a:pPr lvl="1"/>
            <a:r>
              <a:rPr lang="da-DK" dirty="0"/>
              <a:t>In 2D, </a:t>
            </a:r>
            <a:r>
              <a:rPr lang="da-DK" dirty="0" err="1"/>
              <a:t>this</a:t>
            </a:r>
            <a:r>
              <a:rPr lang="da-DK" dirty="0"/>
              <a:t> is just a simple </a:t>
            </a:r>
            <a:r>
              <a:rPr lang="da-DK" dirty="0" err="1"/>
              <a:t>pythagoras</a:t>
            </a: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cxnSp>
        <p:nvCxnSpPr>
          <p:cNvPr id="7" name="Straight Arrow Connector 6"/>
          <p:cNvCxnSpPr/>
          <p:nvPr/>
        </p:nvCxnSpPr>
        <p:spPr bwMode="auto">
          <a:xfrm flipV="1">
            <a:off x="4871070" y="3717032"/>
            <a:ext cx="1728192" cy="86409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Arrow Connector 8"/>
          <p:cNvCxnSpPr/>
          <p:nvPr/>
        </p:nvCxnSpPr>
        <p:spPr bwMode="auto">
          <a:xfrm>
            <a:off x="4871070" y="4581128"/>
            <a:ext cx="172819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Arrow Connector 12"/>
          <p:cNvCxnSpPr/>
          <p:nvPr/>
        </p:nvCxnSpPr>
        <p:spPr bwMode="auto">
          <a:xfrm flipV="1">
            <a:off x="6599262" y="3717032"/>
            <a:ext cx="0" cy="86409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/>
          <p:cNvSpPr txBox="1"/>
          <p:nvPr/>
        </p:nvSpPr>
        <p:spPr>
          <a:xfrm>
            <a:off x="6887294" y="4221088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</a:t>
            </a:r>
            <a:endParaRPr lang="en-US" dirty="0" err="1">
              <a:latin typeface="+mn-lt"/>
            </a:endParaRPr>
          </a:p>
        </p:txBody>
      </p:sp>
      <p:sp>
        <p:nvSpPr>
          <p:cNvPr id="18" name="TextBox 17"/>
          <p:cNvSpPr txBox="1"/>
          <p:nvPr/>
        </p:nvSpPr>
        <p:spPr>
          <a:xfrm>
            <a:off x="5879182" y="4791292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</a:t>
            </a:r>
            <a:endParaRPr lang="en-US" dirty="0" err="1">
              <a:latin typeface="+mn-lt"/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5535076" y="3717031"/>
            <a:ext cx="10259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c</a:t>
            </a:r>
            <a:endParaRPr lang="en-US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380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/>
      <p:bldP spid="18" grpId="0"/>
      <p:bldP spid="19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ample distanc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Sampl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mpared</a:t>
            </a:r>
            <a:r>
              <a:rPr lang="da-DK" dirty="0"/>
              <a:t> by </a:t>
            </a:r>
            <a:r>
              <a:rPr lang="da-DK" dirty="0" err="1"/>
              <a:t>their</a:t>
            </a:r>
            <a:r>
              <a:rPr lang="da-DK" dirty="0"/>
              <a:t> distance to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r>
              <a:rPr lang="da-DK" dirty="0"/>
              <a:t>Distanc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</a:t>
            </a:r>
            <a:r>
              <a:rPr lang="da-DK" dirty="0" err="1"/>
              <a:t>simply</a:t>
            </a:r>
            <a:r>
              <a:rPr lang="da-DK" dirty="0"/>
              <a:t> as the </a:t>
            </a:r>
            <a:r>
              <a:rPr lang="da-DK" dirty="0" err="1"/>
              <a:t>eucledian</a:t>
            </a:r>
            <a:r>
              <a:rPr lang="da-DK" dirty="0"/>
              <a:t> distance </a:t>
            </a:r>
            <a:r>
              <a:rPr lang="da-DK" dirty="0" err="1"/>
              <a:t>between</a:t>
            </a:r>
            <a:r>
              <a:rPr lang="da-DK" dirty="0"/>
              <a:t> points</a:t>
            </a:r>
          </a:p>
          <a:p>
            <a:pPr lvl="1"/>
            <a:r>
              <a:rPr lang="da-DK" dirty="0"/>
              <a:t>In 3D, </a:t>
            </a:r>
            <a:r>
              <a:rPr lang="da-DK" dirty="0" err="1"/>
              <a:t>this</a:t>
            </a:r>
            <a:r>
              <a:rPr lang="da-DK" dirty="0"/>
              <a:t> is just an </a:t>
            </a:r>
            <a:r>
              <a:rPr lang="da-DK" dirty="0" err="1"/>
              <a:t>extensíon</a:t>
            </a:r>
            <a:r>
              <a:rPr lang="da-DK" dirty="0"/>
              <a:t>, but </a:t>
            </a:r>
            <a:r>
              <a:rPr lang="da-DK" dirty="0" err="1"/>
              <a:t>becomes</a:t>
            </a:r>
            <a:r>
              <a:rPr lang="da-DK" dirty="0"/>
              <a:t> </a:t>
            </a:r>
            <a:r>
              <a:rPr lang="da-DK" dirty="0" err="1"/>
              <a:t>hard</a:t>
            </a:r>
            <a:r>
              <a:rPr lang="da-DK" dirty="0"/>
              <a:t> to </a:t>
            </a:r>
            <a:r>
              <a:rPr lang="da-DK" dirty="0" err="1"/>
              <a:t>visualize</a:t>
            </a:r>
            <a:r>
              <a:rPr lang="da-DK" dirty="0"/>
              <a:t> </a:t>
            </a:r>
            <a:r>
              <a:rPr lang="da-DK" dirty="0" err="1"/>
              <a:t>beyond</a:t>
            </a:r>
            <a:r>
              <a:rPr lang="da-DK" dirty="0"/>
              <a:t> 3D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cxnSp>
        <p:nvCxnSpPr>
          <p:cNvPr id="8" name="Straight Arrow Connector 7"/>
          <p:cNvCxnSpPr/>
          <p:nvPr/>
        </p:nvCxnSpPr>
        <p:spPr bwMode="auto">
          <a:xfrm>
            <a:off x="4871070" y="4581128"/>
            <a:ext cx="172819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Arrow Connector 8"/>
          <p:cNvCxnSpPr/>
          <p:nvPr/>
        </p:nvCxnSpPr>
        <p:spPr bwMode="auto">
          <a:xfrm>
            <a:off x="6599262" y="4581128"/>
            <a:ext cx="720080" cy="108012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" name="TextBox 9"/>
          <p:cNvSpPr txBox="1"/>
          <p:nvPr/>
        </p:nvSpPr>
        <p:spPr>
          <a:xfrm>
            <a:off x="6887294" y="4221088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</a:t>
            </a:r>
            <a:endParaRPr lang="en-US" dirty="0" err="1">
              <a:latin typeface="+mn-lt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5879182" y="4791292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</a:t>
            </a:r>
            <a:endParaRPr lang="en-US" dirty="0" err="1">
              <a:latin typeface="+mn-lt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5535076" y="3717031"/>
            <a:ext cx="10259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c</a:t>
            </a:r>
            <a:endParaRPr lang="en-US" dirty="0" err="1">
              <a:latin typeface="+mn-lt"/>
            </a:endParaRPr>
          </a:p>
        </p:txBody>
      </p:sp>
      <p:cxnSp>
        <p:nvCxnSpPr>
          <p:cNvPr id="14" name="Straight Arrow Connector 13"/>
          <p:cNvCxnSpPr/>
          <p:nvPr/>
        </p:nvCxnSpPr>
        <p:spPr bwMode="auto">
          <a:xfrm flipV="1">
            <a:off x="6599262" y="3717032"/>
            <a:ext cx="0" cy="86409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Arrow Connector 14"/>
          <p:cNvCxnSpPr/>
          <p:nvPr/>
        </p:nvCxnSpPr>
        <p:spPr bwMode="auto">
          <a:xfrm>
            <a:off x="5871248" y="4145252"/>
            <a:ext cx="720080" cy="108012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Oval 15"/>
          <p:cNvSpPr/>
          <p:nvPr/>
        </p:nvSpPr>
        <p:spPr bwMode="auto">
          <a:xfrm>
            <a:off x="6583661" y="5207866"/>
            <a:ext cx="72008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Oval 16"/>
          <p:cNvSpPr/>
          <p:nvPr/>
        </p:nvSpPr>
        <p:spPr bwMode="auto">
          <a:xfrm>
            <a:off x="5816698" y="4030383"/>
            <a:ext cx="72008" cy="14691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263361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/>
      <p:bldP spid="11" grpId="0"/>
      <p:bldP spid="12" grpId="0"/>
      <p:bldP spid="16" grpId="0" animBg="1"/>
      <p:bldP spid="17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ample distanc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Sampl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mpared</a:t>
            </a:r>
            <a:r>
              <a:rPr lang="da-DK" dirty="0"/>
              <a:t> by </a:t>
            </a:r>
            <a:r>
              <a:rPr lang="da-DK" dirty="0" err="1"/>
              <a:t>their</a:t>
            </a:r>
            <a:r>
              <a:rPr lang="da-DK" dirty="0"/>
              <a:t> distance to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r>
              <a:rPr lang="da-DK" dirty="0"/>
              <a:t>Distanc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</a:t>
            </a:r>
            <a:r>
              <a:rPr lang="da-DK" dirty="0" err="1"/>
              <a:t>simply</a:t>
            </a:r>
            <a:r>
              <a:rPr lang="da-DK" dirty="0"/>
              <a:t> as the </a:t>
            </a:r>
            <a:r>
              <a:rPr lang="da-DK" dirty="0" err="1"/>
              <a:t>eucledian</a:t>
            </a:r>
            <a:r>
              <a:rPr lang="da-DK" dirty="0"/>
              <a:t> distance </a:t>
            </a:r>
            <a:r>
              <a:rPr lang="da-DK" dirty="0" err="1"/>
              <a:t>between</a:t>
            </a:r>
            <a:r>
              <a:rPr lang="da-DK" dirty="0"/>
              <a:t> points</a:t>
            </a:r>
          </a:p>
          <a:p>
            <a:pPr lvl="1"/>
            <a:r>
              <a:rPr lang="da-DK" dirty="0"/>
              <a:t>In </a:t>
            </a:r>
            <a:r>
              <a:rPr lang="da-DK" dirty="0" err="1"/>
              <a:t>k-D</a:t>
            </a:r>
            <a:r>
              <a:rPr lang="da-DK" dirty="0"/>
              <a:t>, </a:t>
            </a:r>
            <a:r>
              <a:rPr lang="da-DK" dirty="0" err="1"/>
              <a:t>this</a:t>
            </a:r>
            <a:r>
              <a:rPr lang="da-DK" dirty="0"/>
              <a:t> is </a:t>
            </a:r>
            <a:r>
              <a:rPr lang="da-DK" dirty="0" err="1"/>
              <a:t>conceptually</a:t>
            </a:r>
            <a:r>
              <a:rPr lang="da-DK" dirty="0"/>
              <a:t> </a:t>
            </a:r>
            <a:r>
              <a:rPr lang="da-DK" dirty="0" err="1"/>
              <a:t>another</a:t>
            </a:r>
            <a:r>
              <a:rPr lang="da-DK" dirty="0"/>
              <a:t> </a:t>
            </a:r>
            <a:r>
              <a:rPr lang="da-DK" dirty="0" err="1"/>
              <a:t>extensíon</a:t>
            </a:r>
            <a:r>
              <a:rPr lang="da-DK" dirty="0"/>
              <a:t>, but </a:t>
            </a:r>
            <a:r>
              <a:rPr lang="da-DK" dirty="0" err="1"/>
              <a:t>becomes</a:t>
            </a:r>
            <a:r>
              <a:rPr lang="da-DK" dirty="0"/>
              <a:t> </a:t>
            </a:r>
            <a:r>
              <a:rPr lang="da-DK" dirty="0" err="1"/>
              <a:t>hard</a:t>
            </a:r>
            <a:r>
              <a:rPr lang="da-DK" dirty="0"/>
              <a:t> to </a:t>
            </a:r>
            <a:r>
              <a:rPr lang="da-DK" dirty="0" err="1"/>
              <a:t>visualize</a:t>
            </a:r>
            <a:r>
              <a:rPr lang="da-DK" dirty="0"/>
              <a:t> </a:t>
            </a:r>
            <a:r>
              <a:rPr lang="da-DK" dirty="0" err="1"/>
              <a:t>beyond</a:t>
            </a:r>
            <a:r>
              <a:rPr lang="da-DK" dirty="0"/>
              <a:t> 3D</a:t>
            </a:r>
          </a:p>
          <a:p>
            <a:pPr lvl="1"/>
            <a:endParaRPr lang="da-DK" dirty="0"/>
          </a:p>
          <a:p>
            <a:r>
              <a:rPr lang="da-DK" dirty="0"/>
              <a:t>In </a:t>
            </a:r>
            <a:r>
              <a:rPr lang="da-DK" dirty="0" err="1"/>
              <a:t>modern</a:t>
            </a:r>
            <a:r>
              <a:rPr lang="da-DK" dirty="0"/>
              <a:t> </a:t>
            </a:r>
            <a:r>
              <a:rPr lang="da-DK" dirty="0" err="1"/>
              <a:t>analysis</a:t>
            </a:r>
            <a:r>
              <a:rPr lang="da-DK" dirty="0"/>
              <a:t>,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PCoA</a:t>
            </a:r>
            <a:r>
              <a:rPr lang="da-DK" dirty="0"/>
              <a:t> or </a:t>
            </a:r>
            <a:r>
              <a:rPr lang="da-DK" dirty="0" err="1"/>
              <a:t>nMDS</a:t>
            </a:r>
            <a:r>
              <a:rPr lang="da-DK" dirty="0"/>
              <a:t> to </a:t>
            </a:r>
            <a:r>
              <a:rPr lang="da-DK" dirty="0" err="1"/>
              <a:t>collapse</a:t>
            </a:r>
            <a:r>
              <a:rPr lang="da-DK" dirty="0"/>
              <a:t> ~10,000 dimensional data to </a:t>
            </a:r>
            <a:r>
              <a:rPr lang="da-DK" dirty="0" err="1"/>
              <a:t>visualize</a:t>
            </a:r>
            <a:r>
              <a:rPr lang="da-DK" dirty="0"/>
              <a:t> </a:t>
            </a:r>
            <a:r>
              <a:rPr lang="da-DK" dirty="0" err="1"/>
              <a:t>complex</a:t>
            </a:r>
            <a:r>
              <a:rPr lang="da-DK" dirty="0"/>
              <a:t> data in 2- or 3D</a:t>
            </a:r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435350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782839" y="258577"/>
            <a:ext cx="5876428" cy="5992998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262558" y="1628800"/>
            <a:ext cx="248625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1000 of </a:t>
            </a:r>
            <a:r>
              <a:rPr lang="da-DK" dirty="0" err="1">
                <a:latin typeface="+mn-lt"/>
              </a:rPr>
              <a:t>bacteria</a:t>
            </a:r>
            <a:r>
              <a:rPr lang="da-DK" dirty="0">
                <a:latin typeface="+mn-lt"/>
              </a:rPr>
              <a:t> (variables)</a:t>
            </a:r>
            <a:endParaRPr lang="en-US" dirty="0" err="1">
              <a:latin typeface="+mn-lt"/>
            </a:endParaRPr>
          </a:p>
        </p:txBody>
      </p:sp>
      <p:cxnSp>
        <p:nvCxnSpPr>
          <p:cNvPr id="8" name="Straight Arrow Connector 7"/>
          <p:cNvCxnSpPr/>
          <p:nvPr/>
        </p:nvCxnSpPr>
        <p:spPr bwMode="auto">
          <a:xfrm rot="3255339">
            <a:off x="5015086" y="3140968"/>
            <a:ext cx="1368152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9" name="TextBox 8"/>
          <p:cNvSpPr txBox="1"/>
          <p:nvPr/>
        </p:nvSpPr>
        <p:spPr>
          <a:xfrm rot="3255339">
            <a:off x="5481238" y="2798902"/>
            <a:ext cx="1235082" cy="246221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tx1">
                    <a:lumMod val="85000"/>
                    <a:lumOff val="15000"/>
                  </a:schemeClr>
                </a:solidFill>
                <a:latin typeface="+mn-lt"/>
              </a:rPr>
              <a:t>TREATMENT</a:t>
            </a:r>
            <a:endParaRPr lang="en-US" dirty="0" err="1">
              <a:solidFill>
                <a:schemeClr val="tx1">
                  <a:lumMod val="85000"/>
                  <a:lumOff val="15000"/>
                </a:schemeClr>
              </a:solidFill>
              <a:latin typeface="+mn-lt"/>
            </a:endParaRPr>
          </a:p>
        </p:txBody>
      </p:sp>
      <p:cxnSp>
        <p:nvCxnSpPr>
          <p:cNvPr id="11" name="Straight Arrow Connector 10"/>
          <p:cNvCxnSpPr/>
          <p:nvPr/>
        </p:nvCxnSpPr>
        <p:spPr bwMode="auto">
          <a:xfrm>
            <a:off x="3214886" y="1268760"/>
            <a:ext cx="1368152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4" name="TextBox 13"/>
          <p:cNvSpPr txBox="1"/>
          <p:nvPr/>
        </p:nvSpPr>
        <p:spPr>
          <a:xfrm>
            <a:off x="3646934" y="640558"/>
            <a:ext cx="4905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tx1">
                    <a:lumMod val="85000"/>
                    <a:lumOff val="15000"/>
                  </a:schemeClr>
                </a:solidFill>
                <a:latin typeface="+mn-lt"/>
              </a:rPr>
              <a:t>TIME</a:t>
            </a:r>
            <a:endParaRPr lang="en-US" dirty="0" err="1">
              <a:solidFill>
                <a:schemeClr val="tx1">
                  <a:lumMod val="85000"/>
                  <a:lumOff val="15000"/>
                </a:schemeClr>
              </a:solidFill>
              <a:latin typeface="+mn-lt"/>
            </a:endParaRPr>
          </a:p>
        </p:txBody>
      </p:sp>
      <p:cxnSp>
        <p:nvCxnSpPr>
          <p:cNvPr id="15" name="Straight Arrow Connector 14"/>
          <p:cNvCxnSpPr/>
          <p:nvPr/>
        </p:nvCxnSpPr>
        <p:spPr bwMode="auto">
          <a:xfrm flipV="1">
            <a:off x="5271317" y="4701737"/>
            <a:ext cx="1145914" cy="747476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6" name="TextBox 15"/>
          <p:cNvSpPr txBox="1"/>
          <p:nvPr/>
        </p:nvSpPr>
        <p:spPr>
          <a:xfrm rot="19613024">
            <a:off x="5323450" y="4640847"/>
            <a:ext cx="5338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tx1">
                    <a:lumMod val="85000"/>
                    <a:lumOff val="15000"/>
                  </a:schemeClr>
                </a:solidFill>
                <a:latin typeface="+mn-lt"/>
              </a:rPr>
              <a:t>TYPE</a:t>
            </a:r>
            <a:endParaRPr lang="en-US" dirty="0" err="1">
              <a:solidFill>
                <a:schemeClr val="tx1">
                  <a:lumMod val="85000"/>
                  <a:lumOff val="15000"/>
                </a:schemeClr>
              </a:solidFill>
              <a:latin typeface="+mn-lt"/>
            </a:endParaRPr>
          </a:p>
        </p:txBody>
      </p:sp>
      <p:pic>
        <p:nvPicPr>
          <p:cNvPr id="19" name="Picture 2" descr="Pernille Kjersgaard Bech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731288" y="3320778"/>
            <a:ext cx="1524000" cy="20288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0" name="TextBox 19"/>
          <p:cNvSpPr txBox="1"/>
          <p:nvPr/>
        </p:nvSpPr>
        <p:spPr>
          <a:xfrm>
            <a:off x="8806929" y="5164098"/>
            <a:ext cx="3372718" cy="10874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900" dirty="0">
                <a:latin typeface="+mn-lt"/>
              </a:rPr>
              <a:t>Pernille Bech</a:t>
            </a:r>
          </a:p>
          <a:p>
            <a:pPr algn="l">
              <a:spcBef>
                <a:spcPts val="432"/>
              </a:spcBef>
            </a:pPr>
            <a:r>
              <a:rPr lang="da-DK" sz="900" dirty="0" err="1">
                <a:latin typeface="+mn-lt"/>
              </a:rPr>
              <a:t>PhD</a:t>
            </a:r>
            <a:endParaRPr lang="da-DK" sz="900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sz="900" dirty="0">
                <a:latin typeface="+mn-lt"/>
              </a:rPr>
              <a:t>‘</a:t>
            </a:r>
            <a:r>
              <a:rPr lang="en-US" sz="900" b="1" dirty="0"/>
              <a:t>The capability to produce </a:t>
            </a:r>
            <a:r>
              <a:rPr lang="en-US" sz="900" b="1" dirty="0" err="1"/>
              <a:t>tropodithietic</a:t>
            </a:r>
            <a:r>
              <a:rPr lang="en-US" sz="900" b="1" dirty="0"/>
              <a:t> acid by </a:t>
            </a:r>
          </a:p>
          <a:p>
            <a:pPr>
              <a:spcBef>
                <a:spcPts val="432"/>
              </a:spcBef>
            </a:pPr>
            <a:r>
              <a:rPr lang="en-US" sz="900" b="1" i="1" dirty="0" err="1"/>
              <a:t>Phaeobacter</a:t>
            </a:r>
            <a:r>
              <a:rPr lang="en-US" sz="900" b="1" i="1" dirty="0"/>
              <a:t> </a:t>
            </a:r>
            <a:r>
              <a:rPr lang="en-US" sz="900" b="1" i="1" dirty="0" err="1"/>
              <a:t>inhibens</a:t>
            </a:r>
            <a:r>
              <a:rPr lang="en-US" sz="900" b="1" dirty="0"/>
              <a:t> affects the assembly of </a:t>
            </a:r>
          </a:p>
          <a:p>
            <a:pPr>
              <a:spcBef>
                <a:spcPts val="432"/>
              </a:spcBef>
            </a:pPr>
            <a:r>
              <a:rPr lang="en-US" sz="900" b="1" dirty="0"/>
              <a:t>microbial biofilm communities in natural seawater</a:t>
            </a:r>
            <a:r>
              <a:rPr lang="en-US" sz="900" dirty="0"/>
              <a:t>’</a:t>
            </a:r>
          </a:p>
          <a:p>
            <a:pPr>
              <a:spcBef>
                <a:spcPts val="432"/>
              </a:spcBef>
            </a:pPr>
            <a:r>
              <a:rPr lang="en-US" sz="900" dirty="0">
                <a:latin typeface="+mn-lt"/>
              </a:rPr>
              <a:t>-Biofilms and Microbiomes</a:t>
            </a:r>
            <a:r>
              <a:rPr lang="da-DK" sz="900" dirty="0">
                <a:latin typeface="+mn-lt"/>
              </a:rPr>
              <a:t> </a:t>
            </a:r>
            <a:endParaRPr lang="en-US" sz="9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081969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4" grpId="0"/>
      <p:bldP spid="16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ample distanc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Sampl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mpared</a:t>
            </a:r>
            <a:r>
              <a:rPr lang="da-DK" dirty="0"/>
              <a:t> by </a:t>
            </a:r>
            <a:r>
              <a:rPr lang="da-DK" dirty="0" err="1"/>
              <a:t>their</a:t>
            </a:r>
            <a:r>
              <a:rPr lang="da-DK" dirty="0"/>
              <a:t> distance to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r>
              <a:rPr lang="da-DK" dirty="0"/>
              <a:t>Distanc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as the overall difference </a:t>
            </a:r>
            <a:r>
              <a:rPr lang="da-DK" dirty="0" err="1"/>
              <a:t>between</a:t>
            </a:r>
            <a:r>
              <a:rPr lang="da-DK" dirty="0"/>
              <a:t> samples, given the </a:t>
            </a:r>
            <a:r>
              <a:rPr lang="da-DK" dirty="0" err="1"/>
              <a:t>choice</a:t>
            </a:r>
            <a:r>
              <a:rPr lang="da-DK" dirty="0"/>
              <a:t> of distance </a:t>
            </a:r>
            <a:r>
              <a:rPr lang="da-DK" dirty="0" err="1"/>
              <a:t>metric</a:t>
            </a:r>
            <a:r>
              <a:rPr lang="da-DK" dirty="0"/>
              <a:t> </a:t>
            </a:r>
          </a:p>
          <a:p>
            <a:endParaRPr lang="da-DK" dirty="0"/>
          </a:p>
          <a:p>
            <a:r>
              <a:rPr lang="da-DK" dirty="0" err="1"/>
              <a:t>Alternatively</a:t>
            </a:r>
            <a:r>
              <a:rPr lang="da-DK" dirty="0"/>
              <a:t>, distanc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</a:t>
            </a:r>
            <a:r>
              <a:rPr lang="da-DK" dirty="0" err="1"/>
              <a:t>phylogenetically</a:t>
            </a:r>
            <a:r>
              <a:rPr lang="da-DK" dirty="0"/>
              <a:t> </a:t>
            </a:r>
            <a:r>
              <a:rPr lang="da-DK" dirty="0" err="1"/>
              <a:t>rather</a:t>
            </a:r>
            <a:r>
              <a:rPr lang="da-DK" dirty="0"/>
              <a:t> </a:t>
            </a:r>
            <a:r>
              <a:rPr lang="da-DK" dirty="0" err="1"/>
              <a:t>than</a:t>
            </a:r>
            <a:r>
              <a:rPr lang="da-DK" dirty="0"/>
              <a:t> as </a:t>
            </a:r>
            <a:r>
              <a:rPr lang="da-DK" dirty="0" err="1"/>
              <a:t>abundance</a:t>
            </a:r>
            <a:r>
              <a:rPr lang="da-DK" dirty="0"/>
              <a:t> profiles - </a:t>
            </a:r>
            <a:r>
              <a:rPr lang="da-DK" dirty="0" err="1"/>
              <a:t>e.g</a:t>
            </a:r>
            <a:r>
              <a:rPr lang="da-DK" dirty="0"/>
              <a:t>.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different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the samples </a:t>
            </a:r>
            <a:r>
              <a:rPr lang="da-DK" dirty="0" err="1"/>
              <a:t>when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include</a:t>
            </a:r>
            <a:r>
              <a:rPr lang="da-DK" dirty="0"/>
              <a:t> the </a:t>
            </a:r>
            <a:r>
              <a:rPr lang="da-DK" dirty="0" err="1"/>
              <a:t>phylogeny</a:t>
            </a:r>
            <a:r>
              <a:rPr lang="da-DK" dirty="0"/>
              <a:t> of the </a:t>
            </a:r>
            <a:r>
              <a:rPr lang="da-DK" dirty="0" err="1"/>
              <a:t>members</a:t>
            </a:r>
            <a:r>
              <a:rPr lang="da-DK" dirty="0"/>
              <a:t> of the samples</a:t>
            </a:r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041557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A71F6C-8D5F-C56F-88D2-BBF42B541E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ta-</a:t>
            </a:r>
            <a:r>
              <a:rPr lang="da-DK" dirty="0" err="1"/>
              <a:t>diversit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051DCF6-5FB3-EAC7-2E35-E36926E7219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Differenc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tested</a:t>
            </a:r>
            <a:r>
              <a:rPr lang="da-DK" dirty="0"/>
              <a:t> by PERMANOVA</a:t>
            </a:r>
          </a:p>
          <a:p>
            <a:pPr lvl="1"/>
            <a:r>
              <a:rPr lang="da-DK" dirty="0" err="1"/>
              <a:t>PERMutational</a:t>
            </a:r>
            <a:r>
              <a:rPr lang="da-DK" dirty="0"/>
              <a:t> </a:t>
            </a:r>
            <a:r>
              <a:rPr lang="da-DK" dirty="0" err="1"/>
              <a:t>ANalysis</a:t>
            </a:r>
            <a:r>
              <a:rPr lang="da-DK" dirty="0"/>
              <a:t> Of </a:t>
            </a:r>
            <a:r>
              <a:rPr lang="da-DK" dirty="0" err="1"/>
              <a:t>Variance</a:t>
            </a:r>
            <a:endParaRPr lang="da-DK" dirty="0"/>
          </a:p>
          <a:p>
            <a:pPr lvl="1"/>
            <a:endParaRPr lang="da-DK" dirty="0"/>
          </a:p>
          <a:p>
            <a:pPr marL="216000" lvl="1" indent="0">
              <a:buNone/>
            </a:pPr>
            <a:r>
              <a:rPr lang="da-DK" dirty="0"/>
              <a:t>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139C974-61FC-F8FD-FED5-900453D9BA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1028" name="Picture 4" descr="image">
            <a:extLst>
              <a:ext uri="{FF2B5EF4-FFF2-40B4-BE49-F238E27FC236}">
                <a16:creationId xmlns:a16="http://schemas.microsoft.com/office/drawing/2014/main" id="{DA439863-311D-1251-9E57-520A21F51CA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42878" y="2564904"/>
            <a:ext cx="7437317" cy="39903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9328739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2C13AD-CD8C-2F3F-6BDC-37EEC00C37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Pairwise</a:t>
            </a:r>
            <a:r>
              <a:rPr lang="da-DK" dirty="0"/>
              <a:t> </a:t>
            </a:r>
            <a:r>
              <a:rPr lang="da-DK" dirty="0" err="1"/>
              <a:t>comparison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0E67FE3-DEF7-17FC-9DA8-32E59D4B3CB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Univariate</a:t>
            </a:r>
            <a:r>
              <a:rPr lang="da-DK" dirty="0"/>
              <a:t> data</a:t>
            </a:r>
          </a:p>
          <a:p>
            <a:pPr lvl="1"/>
            <a:r>
              <a:rPr lang="da-DK" dirty="0"/>
              <a:t>”Is the </a:t>
            </a:r>
            <a:r>
              <a:rPr lang="da-DK" dirty="0" err="1"/>
              <a:t>number</a:t>
            </a:r>
            <a:r>
              <a:rPr lang="da-DK" dirty="0"/>
              <a:t> of </a:t>
            </a:r>
            <a:r>
              <a:rPr lang="da-DK" dirty="0" err="1"/>
              <a:t>Lactobacillus</a:t>
            </a:r>
            <a:r>
              <a:rPr lang="da-DK" dirty="0"/>
              <a:t> in </a:t>
            </a:r>
            <a:r>
              <a:rPr lang="da-DK" dirty="0" err="1"/>
              <a:t>group</a:t>
            </a:r>
            <a:r>
              <a:rPr lang="da-DK" dirty="0"/>
              <a:t> A </a:t>
            </a:r>
            <a:r>
              <a:rPr lang="da-DK" dirty="0" err="1"/>
              <a:t>higher</a:t>
            </a:r>
            <a:r>
              <a:rPr lang="da-DK" dirty="0"/>
              <a:t> </a:t>
            </a:r>
            <a:r>
              <a:rPr lang="da-DK" dirty="0" err="1"/>
              <a:t>than</a:t>
            </a:r>
            <a:r>
              <a:rPr lang="da-DK" dirty="0"/>
              <a:t> in </a:t>
            </a:r>
            <a:r>
              <a:rPr lang="da-DK" dirty="0" err="1"/>
              <a:t>group</a:t>
            </a:r>
            <a:r>
              <a:rPr lang="da-DK" dirty="0"/>
              <a:t> B?”</a:t>
            </a:r>
          </a:p>
          <a:p>
            <a:pPr lvl="1"/>
            <a:r>
              <a:rPr lang="da-DK" dirty="0" err="1"/>
              <a:t>Depends</a:t>
            </a:r>
            <a:r>
              <a:rPr lang="da-DK" dirty="0"/>
              <a:t> on </a:t>
            </a:r>
            <a:r>
              <a:rPr lang="da-DK" dirty="0" err="1"/>
              <a:t>number</a:t>
            </a:r>
            <a:r>
              <a:rPr lang="da-DK" dirty="0"/>
              <a:t> of </a:t>
            </a:r>
            <a:r>
              <a:rPr lang="da-DK" dirty="0" err="1"/>
              <a:t>groups</a:t>
            </a:r>
            <a:r>
              <a:rPr lang="da-DK" dirty="0"/>
              <a:t> and design</a:t>
            </a:r>
          </a:p>
          <a:p>
            <a:pPr lvl="2"/>
            <a:r>
              <a:rPr lang="da-DK" dirty="0"/>
              <a:t>2 </a:t>
            </a:r>
            <a:r>
              <a:rPr lang="da-DK" dirty="0" err="1"/>
              <a:t>groups</a:t>
            </a:r>
            <a:r>
              <a:rPr lang="da-DK" dirty="0"/>
              <a:t>: t-test</a:t>
            </a:r>
          </a:p>
          <a:p>
            <a:pPr lvl="2"/>
            <a:r>
              <a:rPr lang="da-DK" dirty="0"/>
              <a:t>2+ </a:t>
            </a:r>
            <a:r>
              <a:rPr lang="da-DK" dirty="0" err="1"/>
              <a:t>groups</a:t>
            </a:r>
            <a:r>
              <a:rPr lang="da-DK" dirty="0"/>
              <a:t>: ANOVA</a:t>
            </a:r>
          </a:p>
          <a:p>
            <a:pPr lvl="2"/>
            <a:r>
              <a:rPr lang="da-DK" dirty="0" err="1"/>
              <a:t>Higher</a:t>
            </a:r>
            <a:r>
              <a:rPr lang="da-DK" dirty="0"/>
              <a:t> </a:t>
            </a:r>
            <a:r>
              <a:rPr lang="da-DK" dirty="0" err="1"/>
              <a:t>order</a:t>
            </a:r>
            <a:r>
              <a:rPr lang="da-DK" dirty="0"/>
              <a:t> designs: </a:t>
            </a:r>
            <a:r>
              <a:rPr lang="da-DK" dirty="0" err="1"/>
              <a:t>GLMs</a:t>
            </a:r>
            <a:endParaRPr lang="da-DK" dirty="0"/>
          </a:p>
          <a:p>
            <a:pPr lvl="1"/>
            <a:r>
              <a:rPr lang="da-DK" dirty="0" err="1"/>
              <a:t>Needs</a:t>
            </a:r>
            <a:r>
              <a:rPr lang="da-DK" dirty="0"/>
              <a:t> </a:t>
            </a:r>
            <a:r>
              <a:rPr lang="da-DK" dirty="0" err="1"/>
              <a:t>normally</a:t>
            </a:r>
            <a:r>
              <a:rPr lang="da-DK" dirty="0"/>
              <a:t> </a:t>
            </a:r>
            <a:r>
              <a:rPr lang="da-DK" dirty="0" err="1"/>
              <a:t>distributed</a:t>
            </a:r>
            <a:r>
              <a:rPr lang="da-DK" dirty="0"/>
              <a:t> data</a:t>
            </a:r>
          </a:p>
          <a:p>
            <a:pPr lvl="2"/>
            <a:r>
              <a:rPr lang="da-DK" dirty="0"/>
              <a:t>Try a log-</a:t>
            </a:r>
            <a:r>
              <a:rPr lang="da-DK" dirty="0" err="1"/>
              <a:t>transform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not</a:t>
            </a:r>
          </a:p>
          <a:p>
            <a:pPr lvl="2"/>
            <a:endParaRPr lang="da-DK" dirty="0"/>
          </a:p>
          <a:p>
            <a:r>
              <a:rPr lang="da-DK" dirty="0" err="1"/>
              <a:t>Multivariate</a:t>
            </a:r>
            <a:r>
              <a:rPr lang="da-DK" dirty="0"/>
              <a:t> data</a:t>
            </a:r>
          </a:p>
          <a:p>
            <a:pPr lvl="1"/>
            <a:r>
              <a:rPr lang="da-DK" dirty="0"/>
              <a:t>PERMANOVA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E3861F-DDD1-82B8-BD89-298955146C6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937359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Metataxonomic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milst@dtu.dk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axonomic Analysis workshop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380719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160C9A2-9DB8-9FC8-7867-F3C41F66A2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A7A81157-508F-7BE4-428F-56B90336F11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022203" y="1706563"/>
            <a:ext cx="6817518" cy="4545012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427F4A-D616-2FA6-C248-E96D295AC54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1026" name="Picture 2" descr="Pernille Kjersgaard Bech">
            <a:extLst>
              <a:ext uri="{FF2B5EF4-FFF2-40B4-BE49-F238E27FC236}">
                <a16:creationId xmlns:a16="http://schemas.microsoft.com/office/drawing/2014/main" id="{4F2E63AD-BD50-FAA9-991E-1455FCF90B3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8582" y="1556792"/>
            <a:ext cx="1524000" cy="2028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61044281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726D5A55-17C2-8B47-B59E-C3EBDC0D4AD6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649" t="37883" r="32746" b="9793"/>
          <a:stretch/>
        </p:blipFill>
        <p:spPr>
          <a:xfrm>
            <a:off x="1847269" y="1157592"/>
            <a:ext cx="4711353" cy="5250447"/>
          </a:xfrm>
          <a:prstGeom prst="rect">
            <a:avLst/>
          </a:prstGeom>
        </p:spPr>
      </p:pic>
      <p:pic>
        <p:nvPicPr>
          <p:cNvPr id="9" name="Content Placeholder 8" descr="A picture containing text, indoor&#10;&#10;Description automatically generated">
            <a:extLst>
              <a:ext uri="{FF2B5EF4-FFF2-40B4-BE49-F238E27FC236}">
                <a16:creationId xmlns:a16="http://schemas.microsoft.com/office/drawing/2014/main" id="{8C08CD6F-A672-AD44-B068-E04C8A3DED5F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6731224" y="1321917"/>
            <a:ext cx="3881634" cy="2911225"/>
          </a:xfrm>
        </p:spPr>
      </p:pic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F67B3E5-67EB-0B41-A298-084C19C4948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EEBAD9-4060-1B4C-986F-ABB74CEA5BE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13" name="Picture 12" descr="Diagram&#10;&#10;Description automatically generated with medium confidence">
            <a:extLst>
              <a:ext uri="{FF2B5EF4-FFF2-40B4-BE49-F238E27FC236}">
                <a16:creationId xmlns:a16="http://schemas.microsoft.com/office/drawing/2014/main" id="{126F2D12-3B95-BC4A-9F6E-37868FA5E0DF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7163" t="18500" r="40550" b="33424"/>
          <a:stretch/>
        </p:blipFill>
        <p:spPr>
          <a:xfrm>
            <a:off x="5438800" y="5517232"/>
            <a:ext cx="704499" cy="734308"/>
          </a:xfrm>
          <a:prstGeom prst="rect">
            <a:avLst/>
          </a:prstGeom>
        </p:spPr>
      </p:pic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FFEDC3F0-0496-334B-B165-04878BBEAD9A}"/>
              </a:ext>
            </a:extLst>
          </p:cNvPr>
          <p:cNvCxnSpPr/>
          <p:nvPr/>
        </p:nvCxnSpPr>
        <p:spPr bwMode="auto">
          <a:xfrm>
            <a:off x="6400787" y="5831929"/>
            <a:ext cx="513327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FA0C3CF0-1F16-1D4A-B583-DE356A9ACD6A}"/>
              </a:ext>
            </a:extLst>
          </p:cNvPr>
          <p:cNvSpPr/>
          <p:nvPr/>
        </p:nvSpPr>
        <p:spPr>
          <a:xfrm>
            <a:off x="7171602" y="4815587"/>
            <a:ext cx="4711353" cy="120032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en-AU" kern="0" dirty="0">
                <a:latin typeface="+mn-lt"/>
              </a:rPr>
              <a:t>DNA extractions, V3V4 16S rRNA gene amplification and sequencing of the biofilm and the planktonic suspension at Day 0, 1, 4 and 10</a:t>
            </a:r>
            <a:endParaRPr lang="en-AU" dirty="0">
              <a:latin typeface="+mn-lt"/>
            </a:endParaRP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9A16775C-BFB0-7744-95DF-599598A1B2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731458"/>
          </a:xfrm>
        </p:spPr>
        <p:txBody>
          <a:bodyPr/>
          <a:lstStyle/>
          <a:p>
            <a:r>
              <a:rPr lang="en-AU" dirty="0"/>
              <a:t>Experimental setup: 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1EEA17A0-BF69-7A41-BCB3-5A7F52BD14A8}"/>
              </a:ext>
            </a:extLst>
          </p:cNvPr>
          <p:cNvSpPr/>
          <p:nvPr/>
        </p:nvSpPr>
        <p:spPr bwMode="auto">
          <a:xfrm>
            <a:off x="118542" y="6597352"/>
            <a:ext cx="1502292" cy="216024"/>
          </a:xfrm>
          <a:prstGeom prst="rect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AU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6D79B944-6D26-6342-8F0A-FD8A9E0B93B5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8136" t="55069" r="34828" b="13033"/>
          <a:stretch/>
        </p:blipFill>
        <p:spPr>
          <a:xfrm>
            <a:off x="1619919" y="1412776"/>
            <a:ext cx="885680" cy="731458"/>
          </a:xfrm>
          <a:prstGeom prst="ellipse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22C21236-F1FE-8A4F-BEB7-1457BA38FFA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427666" y="1900875"/>
            <a:ext cx="425256" cy="486717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E872A263-9EFA-9F4E-8B81-BBFD82EE15F4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artisticPaintStrokes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38136" t="55069" r="34828" b="13033"/>
          <a:stretch/>
        </p:blipFill>
        <p:spPr>
          <a:xfrm>
            <a:off x="4195055" y="1340768"/>
            <a:ext cx="885680" cy="731458"/>
          </a:xfrm>
          <a:prstGeom prst="ellipse">
            <a:avLst/>
          </a:prstGeom>
        </p:spPr>
      </p:pic>
    </p:spTree>
    <p:extLst>
      <p:ext uri="{BB962C8B-B14F-4D97-AF65-F5344CB8AC3E}">
        <p14:creationId xmlns:p14="http://schemas.microsoft.com/office/powerpoint/2010/main" val="134215263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0CD720-9CCC-F51A-AFAB-EE14E91908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is </a:t>
            </a:r>
            <a:r>
              <a:rPr lang="da-DK" dirty="0" err="1"/>
              <a:t>interesting</a:t>
            </a:r>
            <a:r>
              <a:rPr lang="da-DK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FC0398-8FBB-AC59-3984-83B30818C5F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abundance</a:t>
            </a:r>
            <a:r>
              <a:rPr lang="da-DK" dirty="0"/>
              <a:t> of </a:t>
            </a:r>
            <a:r>
              <a:rPr lang="da-DK" dirty="0" err="1"/>
              <a:t>individual</a:t>
            </a:r>
            <a:r>
              <a:rPr lang="da-DK" dirty="0"/>
              <a:t> </a:t>
            </a:r>
            <a:r>
              <a:rPr lang="da-DK" dirty="0" err="1"/>
              <a:t>bacteria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/>
              <a:t>The </a:t>
            </a:r>
            <a:r>
              <a:rPr lang="da-DK" dirty="0" err="1"/>
              <a:t>diversity</a:t>
            </a:r>
            <a:r>
              <a:rPr lang="da-DK" dirty="0"/>
              <a:t> of </a:t>
            </a:r>
            <a:r>
              <a:rPr lang="da-DK" dirty="0" err="1"/>
              <a:t>bacteria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/>
              <a:t>The pattern of </a:t>
            </a:r>
            <a:r>
              <a:rPr lang="da-DK" dirty="0" err="1"/>
              <a:t>bacterial</a:t>
            </a:r>
            <a:r>
              <a:rPr lang="da-DK" dirty="0"/>
              <a:t> </a:t>
            </a:r>
            <a:r>
              <a:rPr lang="da-DK" dirty="0" err="1"/>
              <a:t>abundance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 err="1"/>
              <a:t>What</a:t>
            </a:r>
            <a:r>
              <a:rPr lang="da-DK" dirty="0"/>
              <a:t> to </a:t>
            </a:r>
            <a:r>
              <a:rPr lang="da-DK" dirty="0" err="1"/>
              <a:t>compare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 err="1"/>
              <a:t>Always</a:t>
            </a:r>
            <a:r>
              <a:rPr lang="da-DK" dirty="0"/>
              <a:t> </a:t>
            </a:r>
            <a:r>
              <a:rPr lang="da-DK" dirty="0" err="1"/>
              <a:t>remember</a:t>
            </a:r>
            <a:r>
              <a:rPr lang="da-DK" dirty="0"/>
              <a:t> the </a:t>
            </a:r>
            <a:r>
              <a:rPr lang="da-DK" dirty="0" err="1"/>
              <a:t>biology</a:t>
            </a:r>
            <a:r>
              <a:rPr lang="da-DK" dirty="0"/>
              <a:t>!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D72E0CE-E3C9-AF95-DD45-321A2CE371B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4855952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91A1F9-60C0-2031-E583-5EC2EEB88F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Diversities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8B9CD9-5B8B-4CD3-05BC-0B89BE2D485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928D579-59EA-5B04-7638-9E44FD9A3CC0}"/>
              </a:ext>
            </a:extLst>
          </p:cNvPr>
          <p:cNvSpPr/>
          <p:nvPr/>
        </p:nvSpPr>
        <p:spPr bwMode="auto">
          <a:xfrm>
            <a:off x="1774726" y="3573016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9804247-5916-53B8-D3DF-CD4289D74C2E}"/>
              </a:ext>
            </a:extLst>
          </p:cNvPr>
          <p:cNvSpPr txBox="1"/>
          <p:nvPr/>
        </p:nvSpPr>
        <p:spPr>
          <a:xfrm>
            <a:off x="1918742" y="3326795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lpha</a:t>
            </a:r>
            <a:endParaRPr lang="da-DK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D649ABC-C6C8-B721-FFE1-FD0490A0C748}"/>
              </a:ext>
            </a:extLst>
          </p:cNvPr>
          <p:cNvSpPr txBox="1"/>
          <p:nvPr/>
        </p:nvSpPr>
        <p:spPr>
          <a:xfrm>
            <a:off x="1450690" y="4334907"/>
            <a:ext cx="13591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ithin</a:t>
            </a:r>
            <a:r>
              <a:rPr lang="da-DK" dirty="0">
                <a:latin typeface="+mn-lt"/>
              </a:rPr>
              <a:t>-sampl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069FB0FD-EB5F-3301-7261-A6402BECC098}"/>
              </a:ext>
            </a:extLst>
          </p:cNvPr>
          <p:cNvSpPr/>
          <p:nvPr/>
        </p:nvSpPr>
        <p:spPr bwMode="auto">
          <a:xfrm>
            <a:off x="3214142" y="3068960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ACC5ABE8-65D3-C511-0751-E91855BD589E}"/>
              </a:ext>
            </a:extLst>
          </p:cNvPr>
          <p:cNvSpPr/>
          <p:nvPr/>
        </p:nvSpPr>
        <p:spPr bwMode="auto">
          <a:xfrm>
            <a:off x="2566070" y="2207581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67BA58FC-97E6-0F8C-89D4-20D595B53521}"/>
              </a:ext>
            </a:extLst>
          </p:cNvPr>
          <p:cNvSpPr/>
          <p:nvPr/>
        </p:nvSpPr>
        <p:spPr bwMode="auto">
          <a:xfrm>
            <a:off x="3271837" y="4342660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A5E6F92A-54C6-711B-F511-D21FC2628E35}"/>
              </a:ext>
            </a:extLst>
          </p:cNvPr>
          <p:cNvSpPr/>
          <p:nvPr/>
        </p:nvSpPr>
        <p:spPr bwMode="auto">
          <a:xfrm>
            <a:off x="1054646" y="1873861"/>
            <a:ext cx="3744416" cy="3643371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AA56995-FD5F-677B-159C-532899AB9A5F}"/>
              </a:ext>
            </a:extLst>
          </p:cNvPr>
          <p:cNvSpPr txBox="1"/>
          <p:nvPr/>
        </p:nvSpPr>
        <p:spPr>
          <a:xfrm>
            <a:off x="9472830" y="1499736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eta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888B0B4D-2713-D700-3B6F-5EDF32C2AFE2}"/>
              </a:ext>
            </a:extLst>
          </p:cNvPr>
          <p:cNvSpPr txBox="1"/>
          <p:nvPr/>
        </p:nvSpPr>
        <p:spPr>
          <a:xfrm>
            <a:off x="2206774" y="5640342"/>
            <a:ext cx="165618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Between</a:t>
            </a:r>
            <a:r>
              <a:rPr lang="da-DK" dirty="0">
                <a:latin typeface="+mn-lt"/>
              </a:rPr>
              <a:t>-sample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E35E1806-0092-8230-0CA0-AE77FCA3F918}"/>
              </a:ext>
            </a:extLst>
          </p:cNvPr>
          <p:cNvCxnSpPr/>
          <p:nvPr/>
        </p:nvCxnSpPr>
        <p:spPr bwMode="auto">
          <a:xfrm flipV="1">
            <a:off x="2566070" y="3068960"/>
            <a:ext cx="243805" cy="5040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BDF0E23E-2ED6-1B5A-3FED-C63EABAB6323}"/>
              </a:ext>
            </a:extLst>
          </p:cNvPr>
          <p:cNvCxnSpPr/>
          <p:nvPr/>
        </p:nvCxnSpPr>
        <p:spPr bwMode="auto">
          <a:xfrm flipV="1">
            <a:off x="2744186" y="3614827"/>
            <a:ext cx="326684" cy="1619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D1DEC94-DF8B-AF9A-4216-F88825F4F1A2}"/>
              </a:ext>
            </a:extLst>
          </p:cNvPr>
          <p:cNvCxnSpPr/>
          <p:nvPr/>
        </p:nvCxnSpPr>
        <p:spPr bwMode="auto">
          <a:xfrm>
            <a:off x="2638078" y="4219550"/>
            <a:ext cx="324036" cy="2566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D54B4C66-F28D-5AE5-2ECB-D06FFFD4750D}"/>
              </a:ext>
            </a:extLst>
          </p:cNvPr>
          <p:cNvCxnSpPr/>
          <p:nvPr/>
        </p:nvCxnSpPr>
        <p:spPr bwMode="auto">
          <a:xfrm flipH="1" flipV="1">
            <a:off x="3286894" y="2912349"/>
            <a:ext cx="121530" cy="1384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ECD4DA00-8864-2DA3-C0C9-61FBA575E7B9}"/>
              </a:ext>
            </a:extLst>
          </p:cNvPr>
          <p:cNvCxnSpPr/>
          <p:nvPr/>
        </p:nvCxnSpPr>
        <p:spPr bwMode="auto">
          <a:xfrm flipV="1">
            <a:off x="3640175" y="3912150"/>
            <a:ext cx="0" cy="30740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6" name="Oval 35">
            <a:extLst>
              <a:ext uri="{FF2B5EF4-FFF2-40B4-BE49-F238E27FC236}">
                <a16:creationId xmlns:a16="http://schemas.microsoft.com/office/drawing/2014/main" id="{E6758AA1-4DD3-BD17-FA3D-83B27949A329}"/>
              </a:ext>
            </a:extLst>
          </p:cNvPr>
          <p:cNvSpPr/>
          <p:nvPr/>
        </p:nvSpPr>
        <p:spPr bwMode="auto">
          <a:xfrm>
            <a:off x="8472215" y="3573016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C6C60724-1079-2BF9-B9B4-6A5A83D042F0}"/>
              </a:ext>
            </a:extLst>
          </p:cNvPr>
          <p:cNvSpPr txBox="1"/>
          <p:nvPr/>
        </p:nvSpPr>
        <p:spPr>
          <a:xfrm>
            <a:off x="8616231" y="3326795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lpha</a:t>
            </a:r>
            <a:endParaRPr lang="da-DK" dirty="0">
              <a:latin typeface="+mn-lt"/>
            </a:endParaRP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07F0B2B8-D695-1AE4-FA1C-951C7279677C}"/>
              </a:ext>
            </a:extLst>
          </p:cNvPr>
          <p:cNvSpPr txBox="1"/>
          <p:nvPr/>
        </p:nvSpPr>
        <p:spPr>
          <a:xfrm>
            <a:off x="8148179" y="4334907"/>
            <a:ext cx="13591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ithin</a:t>
            </a:r>
            <a:r>
              <a:rPr lang="da-DK" dirty="0">
                <a:latin typeface="+mn-lt"/>
              </a:rPr>
              <a:t>-sample</a:t>
            </a: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4D0D8587-89E7-5A44-6884-F814CA300AA6}"/>
              </a:ext>
            </a:extLst>
          </p:cNvPr>
          <p:cNvSpPr/>
          <p:nvPr/>
        </p:nvSpPr>
        <p:spPr bwMode="auto">
          <a:xfrm>
            <a:off x="9912375" y="3068960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5E0CE0AD-3AD8-1C04-4EE1-D4E683D876A7}"/>
              </a:ext>
            </a:extLst>
          </p:cNvPr>
          <p:cNvSpPr/>
          <p:nvPr/>
        </p:nvSpPr>
        <p:spPr bwMode="auto">
          <a:xfrm>
            <a:off x="9263559" y="2207581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06E984F9-0AD7-E6CE-CEBA-1FCB692FA281}"/>
              </a:ext>
            </a:extLst>
          </p:cNvPr>
          <p:cNvSpPr/>
          <p:nvPr/>
        </p:nvSpPr>
        <p:spPr bwMode="auto">
          <a:xfrm>
            <a:off x="9969326" y="4342660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id="{7690749F-D982-EE15-9B79-71BA7BEE2A49}"/>
              </a:ext>
            </a:extLst>
          </p:cNvPr>
          <p:cNvSpPr/>
          <p:nvPr/>
        </p:nvSpPr>
        <p:spPr bwMode="auto">
          <a:xfrm>
            <a:off x="7752135" y="1873861"/>
            <a:ext cx="3744416" cy="3643371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79CD036D-8F66-9A5F-666E-7AFC852E3DD1}"/>
              </a:ext>
            </a:extLst>
          </p:cNvPr>
          <p:cNvSpPr txBox="1"/>
          <p:nvPr/>
        </p:nvSpPr>
        <p:spPr>
          <a:xfrm>
            <a:off x="8904263" y="5640342"/>
            <a:ext cx="165618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Between</a:t>
            </a:r>
            <a:r>
              <a:rPr lang="da-DK" dirty="0">
                <a:latin typeface="+mn-lt"/>
              </a:rPr>
              <a:t>-sample</a:t>
            </a: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A2153754-F62F-EC73-BE55-7A8E8177E88D}"/>
              </a:ext>
            </a:extLst>
          </p:cNvPr>
          <p:cNvCxnSpPr/>
          <p:nvPr/>
        </p:nvCxnSpPr>
        <p:spPr bwMode="auto">
          <a:xfrm flipV="1">
            <a:off x="9263559" y="3068960"/>
            <a:ext cx="243805" cy="5040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533503B8-E270-C572-E09E-ABAAF250F714}"/>
              </a:ext>
            </a:extLst>
          </p:cNvPr>
          <p:cNvCxnSpPr/>
          <p:nvPr/>
        </p:nvCxnSpPr>
        <p:spPr bwMode="auto">
          <a:xfrm flipV="1">
            <a:off x="9441675" y="3614827"/>
            <a:ext cx="326684" cy="1619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93828B61-376F-0F60-8E27-08B9E29743BE}"/>
              </a:ext>
            </a:extLst>
          </p:cNvPr>
          <p:cNvCxnSpPr/>
          <p:nvPr/>
        </p:nvCxnSpPr>
        <p:spPr bwMode="auto">
          <a:xfrm>
            <a:off x="9335567" y="4219550"/>
            <a:ext cx="324036" cy="2566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7" name="Straight Arrow Connector 46">
            <a:extLst>
              <a:ext uri="{FF2B5EF4-FFF2-40B4-BE49-F238E27FC236}">
                <a16:creationId xmlns:a16="http://schemas.microsoft.com/office/drawing/2014/main" id="{2A4B54A0-AF9E-B3AA-BC1A-A13DA9608176}"/>
              </a:ext>
            </a:extLst>
          </p:cNvPr>
          <p:cNvCxnSpPr/>
          <p:nvPr/>
        </p:nvCxnSpPr>
        <p:spPr bwMode="auto">
          <a:xfrm flipH="1" flipV="1">
            <a:off x="9984383" y="2912349"/>
            <a:ext cx="121530" cy="1384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AF78A4FF-A28A-EF8C-C9D7-518EAC32D515}"/>
              </a:ext>
            </a:extLst>
          </p:cNvPr>
          <p:cNvCxnSpPr/>
          <p:nvPr/>
        </p:nvCxnSpPr>
        <p:spPr bwMode="auto">
          <a:xfrm flipV="1">
            <a:off x="10337664" y="3912150"/>
            <a:ext cx="0" cy="30740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9" name="TextBox 48">
            <a:extLst>
              <a:ext uri="{FF2B5EF4-FFF2-40B4-BE49-F238E27FC236}">
                <a16:creationId xmlns:a16="http://schemas.microsoft.com/office/drawing/2014/main" id="{6CC94CD7-856E-CA32-4E96-022D96BC3CA4}"/>
              </a:ext>
            </a:extLst>
          </p:cNvPr>
          <p:cNvSpPr txBox="1"/>
          <p:nvPr/>
        </p:nvSpPr>
        <p:spPr>
          <a:xfrm>
            <a:off x="2674082" y="1566085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eta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B02571AE-D3AC-D6F3-102C-A0B2BCA79920}"/>
              </a:ext>
            </a:extLst>
          </p:cNvPr>
          <p:cNvSpPr txBox="1"/>
          <p:nvPr/>
        </p:nvSpPr>
        <p:spPr>
          <a:xfrm>
            <a:off x="5735166" y="6021288"/>
            <a:ext cx="122413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Omega</a:t>
            </a:r>
          </a:p>
        </p:txBody>
      </p: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7AB6CEA8-1CA7-DB52-31AD-F596E1D87E67}"/>
              </a:ext>
            </a:extLst>
          </p:cNvPr>
          <p:cNvCxnSpPr/>
          <p:nvPr/>
        </p:nvCxnSpPr>
        <p:spPr bwMode="auto">
          <a:xfrm>
            <a:off x="5051462" y="3614827"/>
            <a:ext cx="2411896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687306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/>
      <p:bldP spid="7" grpId="0"/>
      <p:bldP spid="8" grpId="0" animBg="1"/>
      <p:bldP spid="9" grpId="0" animBg="1"/>
      <p:bldP spid="10" grpId="0" animBg="1"/>
      <p:bldP spid="11" grpId="0" animBg="1"/>
      <p:bldP spid="13" grpId="0"/>
      <p:bldP spid="14" grpId="0"/>
      <p:bldP spid="36" grpId="0" animBg="1"/>
      <p:bldP spid="37" grpId="0"/>
      <p:bldP spid="38" grpId="0"/>
      <p:bldP spid="39" grpId="0" animBg="1"/>
      <p:bldP spid="40" grpId="0" animBg="1"/>
      <p:bldP spid="41" grpId="0" animBg="1"/>
      <p:bldP spid="42" grpId="0" animBg="1"/>
      <p:bldP spid="43" grpId="0"/>
      <p:bldP spid="49" grpId="0"/>
      <p:bldP spid="50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829AFC-E2BA-4323-4E30-61E8FAF83E0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07077"/>
            <a:ext cx="9312374" cy="972716"/>
          </a:xfrm>
        </p:spPr>
        <p:txBody>
          <a:bodyPr/>
          <a:lstStyle/>
          <a:p>
            <a:r>
              <a:rPr lang="da-DK" dirty="0"/>
              <a:t>Alpha-</a:t>
            </a:r>
            <a:r>
              <a:rPr lang="da-DK" dirty="0" err="1"/>
              <a:t>diversit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FBEF910-D2CB-B0F8-B275-05A9131CF8E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Higher</a:t>
            </a:r>
            <a:r>
              <a:rPr lang="da-DK" dirty="0"/>
              <a:t> </a:t>
            </a:r>
            <a:r>
              <a:rPr lang="da-DK" dirty="0" err="1"/>
              <a:t>alpha</a:t>
            </a:r>
            <a:r>
              <a:rPr lang="da-DK" dirty="0"/>
              <a:t> </a:t>
            </a:r>
            <a:r>
              <a:rPr lang="da-DK" dirty="0" err="1"/>
              <a:t>diversity</a:t>
            </a:r>
            <a:r>
              <a:rPr lang="da-DK" dirty="0"/>
              <a:t> is </a:t>
            </a:r>
            <a:r>
              <a:rPr lang="da-DK" dirty="0" err="1"/>
              <a:t>usually</a:t>
            </a:r>
            <a:r>
              <a:rPr lang="da-DK" dirty="0"/>
              <a:t> </a:t>
            </a:r>
            <a:r>
              <a:rPr lang="da-DK" dirty="0" err="1"/>
              <a:t>good</a:t>
            </a:r>
            <a:r>
              <a:rPr lang="da-DK" dirty="0"/>
              <a:t>!</a:t>
            </a:r>
          </a:p>
          <a:p>
            <a:pPr lvl="1"/>
            <a:r>
              <a:rPr lang="da-DK" dirty="0"/>
              <a:t>If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have 1 </a:t>
            </a:r>
            <a:r>
              <a:rPr lang="da-DK" dirty="0" err="1"/>
              <a:t>bacteria</a:t>
            </a:r>
            <a:r>
              <a:rPr lang="da-DK" dirty="0"/>
              <a:t> in </a:t>
            </a:r>
            <a:r>
              <a:rPr lang="da-DK" dirty="0" err="1"/>
              <a:t>your</a:t>
            </a:r>
            <a:r>
              <a:rPr lang="da-DK" dirty="0"/>
              <a:t> gut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likely</a:t>
            </a:r>
            <a:r>
              <a:rPr lang="da-DK" dirty="0"/>
              <a:t> die </a:t>
            </a:r>
            <a:r>
              <a:rPr lang="da-DK" dirty="0" err="1"/>
              <a:t>soon</a:t>
            </a:r>
            <a:endParaRPr lang="da-DK" dirty="0"/>
          </a:p>
          <a:p>
            <a:pPr lvl="1"/>
            <a:r>
              <a:rPr lang="da-DK" dirty="0"/>
              <a:t>If </a:t>
            </a:r>
            <a:r>
              <a:rPr lang="da-DK" dirty="0" err="1"/>
              <a:t>you</a:t>
            </a:r>
            <a:r>
              <a:rPr lang="da-DK" dirty="0"/>
              <a:t> have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different</a:t>
            </a:r>
            <a:r>
              <a:rPr lang="da-DK" dirty="0"/>
              <a:t>,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likely</a:t>
            </a:r>
            <a:r>
              <a:rPr lang="da-DK" dirty="0"/>
              <a:t> </a:t>
            </a:r>
            <a:r>
              <a:rPr lang="da-DK" dirty="0" err="1"/>
              <a:t>digest</a:t>
            </a:r>
            <a:r>
              <a:rPr lang="da-DK" dirty="0"/>
              <a:t> most </a:t>
            </a:r>
            <a:r>
              <a:rPr lang="da-DK" dirty="0" err="1"/>
              <a:t>thing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Richness</a:t>
            </a:r>
            <a:endParaRPr lang="da-DK" dirty="0"/>
          </a:p>
          <a:p>
            <a:pPr lvl="1"/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bacteria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in the sample?</a:t>
            </a:r>
          </a:p>
          <a:p>
            <a:pPr lvl="1"/>
            <a:endParaRPr lang="da-DK" dirty="0"/>
          </a:p>
          <a:p>
            <a:r>
              <a:rPr lang="da-DK" dirty="0"/>
              <a:t>Shannon</a:t>
            </a:r>
          </a:p>
          <a:p>
            <a:pPr lvl="1"/>
            <a:r>
              <a:rPr lang="da-DK" dirty="0" err="1"/>
              <a:t>Both</a:t>
            </a:r>
            <a:r>
              <a:rPr lang="da-DK" dirty="0"/>
              <a:t>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bacteria</a:t>
            </a:r>
            <a:r>
              <a:rPr lang="da-DK" dirty="0"/>
              <a:t> and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evenly</a:t>
            </a:r>
            <a:r>
              <a:rPr lang="da-DK" dirty="0"/>
              <a:t>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distributed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DE3F68-E7F1-3AA9-B9E2-3EB45884699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8997502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921D94A-D89A-F9E6-3234-8C25DFEFD3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ta-</a:t>
            </a:r>
            <a:r>
              <a:rPr lang="da-DK" dirty="0" err="1"/>
              <a:t>diversit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EC5498C-A6A5-0C2B-1A35-60790B84613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”I </a:t>
            </a:r>
            <a:r>
              <a:rPr lang="da-DK" dirty="0" err="1"/>
              <a:t>want</a:t>
            </a:r>
            <a:r>
              <a:rPr lang="da-DK" dirty="0"/>
              <a:t> to </a:t>
            </a:r>
            <a:r>
              <a:rPr lang="da-DK" dirty="0" err="1"/>
              <a:t>see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</a:t>
            </a:r>
            <a:r>
              <a:rPr lang="da-DK" dirty="0" err="1"/>
              <a:t>something</a:t>
            </a:r>
            <a:r>
              <a:rPr lang="da-DK" dirty="0"/>
              <a:t> is </a:t>
            </a:r>
            <a:r>
              <a:rPr lang="da-DK" dirty="0" err="1"/>
              <a:t>different</a:t>
            </a:r>
            <a:r>
              <a:rPr lang="da-DK" dirty="0"/>
              <a:t>”</a:t>
            </a:r>
          </a:p>
          <a:p>
            <a:pPr lvl="1"/>
            <a:r>
              <a:rPr lang="da-DK" dirty="0" err="1"/>
              <a:t>Around</a:t>
            </a:r>
            <a:r>
              <a:rPr lang="da-DK" dirty="0"/>
              <a:t> a 100 </a:t>
            </a:r>
            <a:r>
              <a:rPr lang="da-DK" dirty="0" err="1"/>
              <a:t>people</a:t>
            </a:r>
            <a:r>
              <a:rPr lang="da-DK" dirty="0"/>
              <a:t> </a:t>
            </a:r>
            <a:r>
              <a:rPr lang="da-DK" dirty="0" err="1"/>
              <a:t>having</a:t>
            </a:r>
            <a:r>
              <a:rPr lang="da-DK" dirty="0"/>
              <a:t> </a:t>
            </a:r>
            <a:r>
              <a:rPr lang="da-DK" dirty="0" err="1"/>
              <a:t>stopped</a:t>
            </a:r>
            <a:r>
              <a:rPr lang="da-DK" dirty="0"/>
              <a:t> by </a:t>
            </a:r>
            <a:r>
              <a:rPr lang="da-DK" dirty="0" err="1"/>
              <a:t>my</a:t>
            </a:r>
            <a:r>
              <a:rPr lang="da-DK" dirty="0"/>
              <a:t> </a:t>
            </a:r>
            <a:r>
              <a:rPr lang="da-DK" dirty="0" err="1"/>
              <a:t>office</a:t>
            </a:r>
            <a:endParaRPr lang="da-DK" dirty="0"/>
          </a:p>
          <a:p>
            <a:endParaRPr lang="da-DK" dirty="0"/>
          </a:p>
          <a:p>
            <a:r>
              <a:rPr lang="da-DK" dirty="0"/>
              <a:t>The fingerprint of </a:t>
            </a:r>
            <a:r>
              <a:rPr lang="da-DK" dirty="0" err="1"/>
              <a:t>each</a:t>
            </a:r>
            <a:r>
              <a:rPr lang="da-DK" dirty="0"/>
              <a:t> sample versus the fingerprint of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2A6CC7-4826-2804-177C-8093EDFAA2B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04773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4863B29D-1AD1-4B5F-B1F9-6A015A772270}">
  <ds:schemaRefs/>
</ds:datastoreItem>
</file>

<file path=customXml/itemProps8.xml><?xml version="1.0" encoding="utf-8"?>
<ds:datastoreItem xmlns:ds="http://schemas.openxmlformats.org/officeDocument/2006/customXml" ds:itemID="{7189270F-D376-4AE4-B709-ECBEE3AE0F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855</TotalTime>
  <Words>486</Words>
  <Application>Microsoft Office PowerPoint</Application>
  <PresentationFormat>Custom</PresentationFormat>
  <Paragraphs>118</Paragraphs>
  <Slides>16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19" baseType="lpstr">
      <vt:lpstr>Arial</vt:lpstr>
      <vt:lpstr>Verdana</vt:lpstr>
      <vt:lpstr>Blank</vt:lpstr>
      <vt:lpstr>PowerPoint Presentation</vt:lpstr>
      <vt:lpstr>Metataxonomics</vt:lpstr>
      <vt:lpstr>The Taxonomic Analysis workshop</vt:lpstr>
      <vt:lpstr>PowerPoint Presentation</vt:lpstr>
      <vt:lpstr>Experimental setup: </vt:lpstr>
      <vt:lpstr>What is interesting?</vt:lpstr>
      <vt:lpstr>Diversities</vt:lpstr>
      <vt:lpstr>Alpha-diversity</vt:lpstr>
      <vt:lpstr>Beta-diversity</vt:lpstr>
      <vt:lpstr>Sample distance</vt:lpstr>
      <vt:lpstr>Sample distance</vt:lpstr>
      <vt:lpstr>Sample distance</vt:lpstr>
      <vt:lpstr>PowerPoint Presentation</vt:lpstr>
      <vt:lpstr>Sample distance</vt:lpstr>
      <vt:lpstr>Beta-diversity</vt:lpstr>
      <vt:lpstr>Pairwise compariso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1</cp:revision>
  <dcterms:created xsi:type="dcterms:W3CDTF">2022-07-11T22:18:32Z</dcterms:created>
  <dcterms:modified xsi:type="dcterms:W3CDTF">2023-07-21T13:23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